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94" r:id="rId5"/>
  </p:sldMasterIdLst>
  <p:sldIdLst>
    <p:sldId id="256" r:id="rId6"/>
    <p:sldId id="283" r:id="rId7"/>
    <p:sldId id="290" r:id="rId8"/>
    <p:sldId id="296" r:id="rId9"/>
    <p:sldId id="297" r:id="rId10"/>
    <p:sldId id="298" r:id="rId11"/>
    <p:sldId id="257" r:id="rId12"/>
    <p:sldId id="258" r:id="rId13"/>
    <p:sldId id="259" r:id="rId14"/>
    <p:sldId id="260" r:id="rId15"/>
    <p:sldId id="261" r:id="rId16"/>
    <p:sldId id="262" r:id="rId17"/>
    <p:sldId id="263" r:id="rId18"/>
    <p:sldId id="264" r:id="rId19"/>
    <p:sldId id="265" r:id="rId20"/>
    <p:sldId id="291" r:id="rId21"/>
    <p:sldId id="266" r:id="rId22"/>
    <p:sldId id="267" r:id="rId23"/>
    <p:sldId id="292" r:id="rId24"/>
    <p:sldId id="268" r:id="rId25"/>
    <p:sldId id="269" r:id="rId26"/>
    <p:sldId id="270" r:id="rId27"/>
    <p:sldId id="271" r:id="rId28"/>
    <p:sldId id="272" r:id="rId29"/>
    <p:sldId id="273" r:id="rId30"/>
    <p:sldId id="274" r:id="rId31"/>
    <p:sldId id="275" r:id="rId32"/>
    <p:sldId id="276" r:id="rId33"/>
    <p:sldId id="277" r:id="rId34"/>
    <p:sldId id="278" r:id="rId35"/>
    <p:sldId id="279" r:id="rId36"/>
    <p:sldId id="280" r:id="rId37"/>
    <p:sldId id="293" r:id="rId38"/>
    <p:sldId id="281" r:id="rId39"/>
    <p:sldId id="282" r:id="rId40"/>
    <p:sldId id="294" r:id="rId41"/>
    <p:sldId id="284" r:id="rId42"/>
    <p:sldId id="295" r:id="rId43"/>
    <p:sldId id="285" r:id="rId44"/>
    <p:sldId id="286" r:id="rId45"/>
    <p:sldId id="287" r:id="rId46"/>
    <p:sldId id="288" r:id="rId47"/>
    <p:sldId id="289" r:id="rId48"/>
  </p:sldIdLst>
  <p:sldSz cx="12192000" cy="6858000"/>
  <p:notesSz cx="6858000" cy="9144000"/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535744C-C6B1-4286-959A-D93656DE7D58}" v="129" dt="2024-04-09T19:44:52.64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327"/>
  </p:normalViewPr>
  <p:slideViewPr>
    <p:cSldViewPr snapToGrid="0" snapToObjects="1">
      <p:cViewPr varScale="1">
        <p:scale>
          <a:sx n="62" d="100"/>
          <a:sy n="62" d="100"/>
        </p:scale>
        <p:origin x="40" y="7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slide" Target="slides/slide21.xml"/><Relationship Id="rId39" Type="http://schemas.openxmlformats.org/officeDocument/2006/relationships/slide" Target="slides/slide34.xml"/><Relationship Id="rId21" Type="http://schemas.openxmlformats.org/officeDocument/2006/relationships/slide" Target="slides/slide16.xml"/><Relationship Id="rId34" Type="http://schemas.openxmlformats.org/officeDocument/2006/relationships/slide" Target="slides/slide29.xml"/><Relationship Id="rId42" Type="http://schemas.openxmlformats.org/officeDocument/2006/relationships/slide" Target="slides/slide37.xml"/><Relationship Id="rId47" Type="http://schemas.openxmlformats.org/officeDocument/2006/relationships/slide" Target="slides/slide42.xml"/><Relationship Id="rId50" Type="http://schemas.openxmlformats.org/officeDocument/2006/relationships/viewProps" Target="viewProps.xml"/><Relationship Id="rId7" Type="http://schemas.openxmlformats.org/officeDocument/2006/relationships/slide" Target="slides/slide2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9" Type="http://schemas.openxmlformats.org/officeDocument/2006/relationships/slide" Target="slides/slide24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32" Type="http://schemas.openxmlformats.org/officeDocument/2006/relationships/slide" Target="slides/slide27.xml"/><Relationship Id="rId37" Type="http://schemas.openxmlformats.org/officeDocument/2006/relationships/slide" Target="slides/slide32.xml"/><Relationship Id="rId40" Type="http://schemas.openxmlformats.org/officeDocument/2006/relationships/slide" Target="slides/slide35.xml"/><Relationship Id="rId45" Type="http://schemas.openxmlformats.org/officeDocument/2006/relationships/slide" Target="slides/slide40.xml"/><Relationship Id="rId53" Type="http://schemas.microsoft.com/office/2016/11/relationships/changesInfo" Target="changesInfos/changesInfo1.xml"/><Relationship Id="rId5" Type="http://schemas.openxmlformats.org/officeDocument/2006/relationships/slideMaster" Target="slideMasters/slideMaster1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31" Type="http://schemas.openxmlformats.org/officeDocument/2006/relationships/slide" Target="slides/slide26.xml"/><Relationship Id="rId44" Type="http://schemas.openxmlformats.org/officeDocument/2006/relationships/slide" Target="slides/slide39.xml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slide" Target="slides/slide22.xml"/><Relationship Id="rId30" Type="http://schemas.openxmlformats.org/officeDocument/2006/relationships/slide" Target="slides/slide25.xml"/><Relationship Id="rId35" Type="http://schemas.openxmlformats.org/officeDocument/2006/relationships/slide" Target="slides/slide30.xml"/><Relationship Id="rId43" Type="http://schemas.openxmlformats.org/officeDocument/2006/relationships/slide" Target="slides/slide38.xml"/><Relationship Id="rId48" Type="http://schemas.openxmlformats.org/officeDocument/2006/relationships/slide" Target="slides/slide43.xml"/><Relationship Id="rId8" Type="http://schemas.openxmlformats.org/officeDocument/2006/relationships/slide" Target="slides/slide3.xml"/><Relationship Id="rId51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slide" Target="slides/slide20.xml"/><Relationship Id="rId33" Type="http://schemas.openxmlformats.org/officeDocument/2006/relationships/slide" Target="slides/slide28.xml"/><Relationship Id="rId38" Type="http://schemas.openxmlformats.org/officeDocument/2006/relationships/slide" Target="slides/slide33.xml"/><Relationship Id="rId46" Type="http://schemas.openxmlformats.org/officeDocument/2006/relationships/slide" Target="slides/slide41.xml"/><Relationship Id="rId20" Type="http://schemas.openxmlformats.org/officeDocument/2006/relationships/slide" Target="slides/slide15.xml"/><Relationship Id="rId41" Type="http://schemas.openxmlformats.org/officeDocument/2006/relationships/slide" Target="slides/slide36.xml"/><Relationship Id="rId54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slide" Target="slides/slide23.xml"/><Relationship Id="rId36" Type="http://schemas.openxmlformats.org/officeDocument/2006/relationships/slide" Target="slides/slide31.xml"/><Relationship Id="rId49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elepiri, Zoi" userId="87bd0bed-c9e6-4c02-915b-1a0910482405" providerId="ADAL" clId="{0535744C-C6B1-4286-959A-D93656DE7D58}"/>
    <pc:docChg chg="undo redo custSel addSld modSld modShowInfo">
      <pc:chgData name="Kelepiri, Zoi" userId="87bd0bed-c9e6-4c02-915b-1a0910482405" providerId="ADAL" clId="{0535744C-C6B1-4286-959A-D93656DE7D58}" dt="2024-04-10T08:27:18.305" v="13996" actId="1076"/>
      <pc:docMkLst>
        <pc:docMk/>
      </pc:docMkLst>
      <pc:sldChg chg="modSp mod">
        <pc:chgData name="Kelepiri, Zoi" userId="87bd0bed-c9e6-4c02-915b-1a0910482405" providerId="ADAL" clId="{0535744C-C6B1-4286-959A-D93656DE7D58}" dt="2024-04-08T14:00:36.375" v="1126" actId="113"/>
        <pc:sldMkLst>
          <pc:docMk/>
          <pc:sldMk cId="3368893696" sldId="256"/>
        </pc:sldMkLst>
        <pc:spChg chg="mod">
          <ac:chgData name="Kelepiri, Zoi" userId="87bd0bed-c9e6-4c02-915b-1a0910482405" providerId="ADAL" clId="{0535744C-C6B1-4286-959A-D93656DE7D58}" dt="2024-04-08T14:00:36.375" v="1126" actId="113"/>
          <ac:spMkLst>
            <pc:docMk/>
            <pc:sldMk cId="3368893696" sldId="256"/>
            <ac:spMk id="2" creationId="{0FE3B3E1-3E8D-A904-16B4-835436572294}"/>
          </ac:spMkLst>
        </pc:spChg>
        <pc:spChg chg="mod">
          <ac:chgData name="Kelepiri, Zoi" userId="87bd0bed-c9e6-4c02-915b-1a0910482405" providerId="ADAL" clId="{0535744C-C6B1-4286-959A-D93656DE7D58}" dt="2024-04-08T14:00:22.589" v="1124" actId="1076"/>
          <ac:spMkLst>
            <pc:docMk/>
            <pc:sldMk cId="3368893696" sldId="256"/>
            <ac:spMk id="3" creationId="{50A6B82E-30BA-257C-BEF6-D5A99F9DE169}"/>
          </ac:spMkLst>
        </pc:spChg>
      </pc:sldChg>
      <pc:sldChg chg="addSp delSp modSp mod setBg modClrScheme delDesignElem chgLayout">
        <pc:chgData name="Kelepiri, Zoi" userId="87bd0bed-c9e6-4c02-915b-1a0910482405" providerId="ADAL" clId="{0535744C-C6B1-4286-959A-D93656DE7D58}" dt="2024-04-09T19:30:33.464" v="13725" actId="1076"/>
        <pc:sldMkLst>
          <pc:docMk/>
          <pc:sldMk cId="1730720743" sldId="257"/>
        </pc:sldMkLst>
        <pc:spChg chg="mod ord">
          <ac:chgData name="Kelepiri, Zoi" userId="87bd0bed-c9e6-4c02-915b-1a0910482405" providerId="ADAL" clId="{0535744C-C6B1-4286-959A-D93656DE7D58}" dt="2024-04-09T19:30:22.128" v="13719" actId="1076"/>
          <ac:spMkLst>
            <pc:docMk/>
            <pc:sldMk cId="1730720743" sldId="257"/>
            <ac:spMk id="2" creationId="{EC8EB61A-4413-4C67-A102-F6008C031D54}"/>
          </ac:spMkLst>
        </pc:spChg>
        <pc:spChg chg="add del mod ord">
          <ac:chgData name="Kelepiri, Zoi" userId="87bd0bed-c9e6-4c02-915b-1a0910482405" providerId="ADAL" clId="{0535744C-C6B1-4286-959A-D93656DE7D58}" dt="2024-04-08T12:42:10.053" v="755" actId="478"/>
          <ac:spMkLst>
            <pc:docMk/>
            <pc:sldMk cId="1730720743" sldId="257"/>
            <ac:spMk id="3" creationId="{71BFE225-643C-B4A7-D256-E666DF502018}"/>
          </ac:spMkLst>
        </pc:spChg>
        <pc:spChg chg="del mod">
          <ac:chgData name="Kelepiri, Zoi" userId="87bd0bed-c9e6-4c02-915b-1a0910482405" providerId="ADAL" clId="{0535744C-C6B1-4286-959A-D93656DE7D58}" dt="2024-04-06T09:42:37.631" v="235" actId="700"/>
          <ac:spMkLst>
            <pc:docMk/>
            <pc:sldMk cId="1730720743" sldId="257"/>
            <ac:spMk id="3" creationId="{D0C84B74-3A90-BE1E-96EC-526510E242C7}"/>
          </ac:spMkLst>
        </pc:spChg>
        <pc:spChg chg="add del mod ord">
          <ac:chgData name="Kelepiri, Zoi" userId="87bd0bed-c9e6-4c02-915b-1a0910482405" providerId="ADAL" clId="{0535744C-C6B1-4286-959A-D93656DE7D58}" dt="2024-04-06T09:50:57.478" v="299" actId="700"/>
          <ac:spMkLst>
            <pc:docMk/>
            <pc:sldMk cId="1730720743" sldId="257"/>
            <ac:spMk id="12" creationId="{852B9385-E067-83F9-678B-DF8513F219F1}"/>
          </ac:spMkLst>
        </pc:spChg>
        <pc:spChg chg="add del mod ord">
          <ac:chgData name="Kelepiri, Zoi" userId="87bd0bed-c9e6-4c02-915b-1a0910482405" providerId="ADAL" clId="{0535744C-C6B1-4286-959A-D93656DE7D58}" dt="2024-04-06T09:50:57.478" v="299" actId="700"/>
          <ac:spMkLst>
            <pc:docMk/>
            <pc:sldMk cId="1730720743" sldId="257"/>
            <ac:spMk id="13" creationId="{B4E3C7B0-984F-D1F6-33A2-4C3893D65C98}"/>
          </ac:spMkLst>
        </pc:spChg>
        <pc:spChg chg="add del mod ord">
          <ac:chgData name="Kelepiri, Zoi" userId="87bd0bed-c9e6-4c02-915b-1a0910482405" providerId="ADAL" clId="{0535744C-C6B1-4286-959A-D93656DE7D58}" dt="2024-04-06T09:50:41.107" v="295" actId="478"/>
          <ac:spMkLst>
            <pc:docMk/>
            <pc:sldMk cId="1730720743" sldId="257"/>
            <ac:spMk id="14" creationId="{D7F24904-CC6F-9C06-D57C-983CA35D2BBC}"/>
          </ac:spMkLst>
        </pc:spChg>
        <pc:spChg chg="add del mod ord">
          <ac:chgData name="Kelepiri, Zoi" userId="87bd0bed-c9e6-4c02-915b-1a0910482405" providerId="ADAL" clId="{0535744C-C6B1-4286-959A-D93656DE7D58}" dt="2024-04-06T09:50:57.478" v="299" actId="700"/>
          <ac:spMkLst>
            <pc:docMk/>
            <pc:sldMk cId="1730720743" sldId="257"/>
            <ac:spMk id="15" creationId="{37E8EE70-2699-3944-4DBB-D93CD8F3E944}"/>
          </ac:spMkLst>
        </pc:spChg>
        <pc:spChg chg="add mod">
          <ac:chgData name="Kelepiri, Zoi" userId="87bd0bed-c9e6-4c02-915b-1a0910482405" providerId="ADAL" clId="{0535744C-C6B1-4286-959A-D93656DE7D58}" dt="2024-04-09T19:30:29.144" v="13723" actId="1076"/>
          <ac:spMkLst>
            <pc:docMk/>
            <pc:sldMk cId="1730720743" sldId="257"/>
            <ac:spMk id="16" creationId="{3333757E-FFE1-59DA-DC1F-3B33F010810E}"/>
          </ac:spMkLst>
        </pc:spChg>
        <pc:spChg chg="add del mod ord">
          <ac:chgData name="Kelepiri, Zoi" userId="87bd0bed-c9e6-4c02-915b-1a0910482405" providerId="ADAL" clId="{0535744C-C6B1-4286-959A-D93656DE7D58}" dt="2024-04-06T09:51:54.138" v="323" actId="700"/>
          <ac:spMkLst>
            <pc:docMk/>
            <pc:sldMk cId="1730720743" sldId="257"/>
            <ac:spMk id="27" creationId="{8E53ADFD-C696-1EE4-678F-FC89A47FD997}"/>
          </ac:spMkLst>
        </pc:spChg>
        <pc:spChg chg="add del mod ord">
          <ac:chgData name="Kelepiri, Zoi" userId="87bd0bed-c9e6-4c02-915b-1a0910482405" providerId="ADAL" clId="{0535744C-C6B1-4286-959A-D93656DE7D58}" dt="2024-04-06T09:51:53.782" v="322" actId="700"/>
          <ac:spMkLst>
            <pc:docMk/>
            <pc:sldMk cId="1730720743" sldId="257"/>
            <ac:spMk id="28" creationId="{45403263-69DD-5C94-C959-2155A943FA0D}"/>
          </ac:spMkLst>
        </pc:spChg>
        <pc:spChg chg="add del">
          <ac:chgData name="Kelepiri, Zoi" userId="87bd0bed-c9e6-4c02-915b-1a0910482405" providerId="ADAL" clId="{0535744C-C6B1-4286-959A-D93656DE7D58}" dt="2024-04-06T09:52:38.322" v="327" actId="26606"/>
          <ac:spMkLst>
            <pc:docMk/>
            <pc:sldMk cId="1730720743" sldId="257"/>
            <ac:spMk id="30" creationId="{F92D073F-0FE7-41B7-ADCD-5CE16DEEE09E}"/>
          </ac:spMkLst>
        </pc:spChg>
        <pc:spChg chg="add del">
          <ac:chgData name="Kelepiri, Zoi" userId="87bd0bed-c9e6-4c02-915b-1a0910482405" providerId="ADAL" clId="{0535744C-C6B1-4286-959A-D93656DE7D58}" dt="2024-04-06T09:52:38.322" v="327" actId="26606"/>
          <ac:spMkLst>
            <pc:docMk/>
            <pc:sldMk cId="1730720743" sldId="257"/>
            <ac:spMk id="31" creationId="{29FD90D9-0777-4927-90C9-E837E6773094}"/>
          </ac:spMkLst>
        </pc:spChg>
        <pc:grpChg chg="add del">
          <ac:chgData name="Kelepiri, Zoi" userId="87bd0bed-c9e6-4c02-915b-1a0910482405" providerId="ADAL" clId="{0535744C-C6B1-4286-959A-D93656DE7D58}" dt="2024-04-06T09:50:04.013" v="286" actId="700"/>
          <ac:grpSpMkLst>
            <pc:docMk/>
            <pc:sldMk cId="1730720743" sldId="257"/>
            <ac:grpSpMk id="16" creationId="{EBE86EA4-C4F1-4465-B306-7A2BC2285926}"/>
          </ac:grpSpMkLst>
        </pc:grpChg>
        <pc:grpChg chg="add del">
          <ac:chgData name="Kelepiri, Zoi" userId="87bd0bed-c9e6-4c02-915b-1a0910482405" providerId="ADAL" clId="{0535744C-C6B1-4286-959A-D93656DE7D58}" dt="2024-04-06T09:52:38.322" v="327" actId="26606"/>
          <ac:grpSpMkLst>
            <pc:docMk/>
            <pc:sldMk cId="1730720743" sldId="257"/>
            <ac:grpSpMk id="29" creationId="{EBE86EA4-C4F1-4465-B306-7A2BC2285926}"/>
          </ac:grpSpMkLst>
        </pc:grpChg>
        <pc:picChg chg="add del mod">
          <ac:chgData name="Kelepiri, Zoi" userId="87bd0bed-c9e6-4c02-915b-1a0910482405" providerId="ADAL" clId="{0535744C-C6B1-4286-959A-D93656DE7D58}" dt="2024-04-08T13:01:27.356" v="763" actId="478"/>
          <ac:picMkLst>
            <pc:docMk/>
            <pc:sldMk cId="1730720743" sldId="257"/>
            <ac:picMk id="4" creationId="{25A6BB8E-3902-1686-5DAF-6ABFC0CF82BF}"/>
          </ac:picMkLst>
        </pc:picChg>
        <pc:picChg chg="add del mod ord modCrop">
          <ac:chgData name="Kelepiri, Zoi" userId="87bd0bed-c9e6-4c02-915b-1a0910482405" providerId="ADAL" clId="{0535744C-C6B1-4286-959A-D93656DE7D58}" dt="2024-04-08T13:02:00.212" v="769" actId="478"/>
          <ac:picMkLst>
            <pc:docMk/>
            <pc:sldMk cId="1730720743" sldId="257"/>
            <ac:picMk id="5" creationId="{E0AC2BA6-BD00-1BF6-CA48-7CF514E43134}"/>
          </ac:picMkLst>
        </pc:picChg>
        <pc:picChg chg="add del mod ord">
          <ac:chgData name="Kelepiri, Zoi" userId="87bd0bed-c9e6-4c02-915b-1a0910482405" providerId="ADAL" clId="{0535744C-C6B1-4286-959A-D93656DE7D58}" dt="2024-04-08T13:02:42.134" v="776" actId="478"/>
          <ac:picMkLst>
            <pc:docMk/>
            <pc:sldMk cId="1730720743" sldId="257"/>
            <ac:picMk id="7" creationId="{9406AC65-6CFA-A0B9-385B-528F93EDD0E3}"/>
          </ac:picMkLst>
        </pc:picChg>
        <pc:picChg chg="add mod modCrop">
          <ac:chgData name="Kelepiri, Zoi" userId="87bd0bed-c9e6-4c02-915b-1a0910482405" providerId="ADAL" clId="{0535744C-C6B1-4286-959A-D93656DE7D58}" dt="2024-04-09T19:30:23.302" v="13720" actId="1076"/>
          <ac:picMkLst>
            <pc:docMk/>
            <pc:sldMk cId="1730720743" sldId="257"/>
            <ac:picMk id="8" creationId="{E27F2F22-2657-DFCC-B68F-F49A1BCA4012}"/>
          </ac:picMkLst>
        </pc:picChg>
        <pc:picChg chg="add del mod modCrop">
          <ac:chgData name="Kelepiri, Zoi" userId="87bd0bed-c9e6-4c02-915b-1a0910482405" providerId="ADAL" clId="{0535744C-C6B1-4286-959A-D93656DE7D58}" dt="2024-04-06T09:47:44.500" v="257" actId="478"/>
          <ac:picMkLst>
            <pc:docMk/>
            <pc:sldMk cId="1730720743" sldId="257"/>
            <ac:picMk id="9" creationId="{C0578FDD-725A-61D1-1F8E-C0D8E161F938}"/>
          </ac:picMkLst>
        </pc:picChg>
        <pc:picChg chg="add mod modCrop">
          <ac:chgData name="Kelepiri, Zoi" userId="87bd0bed-c9e6-4c02-915b-1a0910482405" providerId="ADAL" clId="{0535744C-C6B1-4286-959A-D93656DE7D58}" dt="2024-04-09T19:30:24.583" v="13721" actId="1076"/>
          <ac:picMkLst>
            <pc:docMk/>
            <pc:sldMk cId="1730720743" sldId="257"/>
            <ac:picMk id="10" creationId="{4C4A8F10-0410-C388-3C97-F3892C139691}"/>
          </ac:picMkLst>
        </pc:picChg>
        <pc:picChg chg="add del mod ord">
          <ac:chgData name="Kelepiri, Zoi" userId="87bd0bed-c9e6-4c02-915b-1a0910482405" providerId="ADAL" clId="{0535744C-C6B1-4286-959A-D93656DE7D58}" dt="2024-04-08T13:04:09.461" v="779" actId="478"/>
          <ac:picMkLst>
            <pc:docMk/>
            <pc:sldMk cId="1730720743" sldId="257"/>
            <ac:picMk id="11" creationId="{F0567B1F-BDE0-642A-D93E-451B1ECD8149}"/>
          </ac:picMkLst>
        </pc:picChg>
        <pc:picChg chg="add del">
          <ac:chgData name="Kelepiri, Zoi" userId="87bd0bed-c9e6-4c02-915b-1a0910482405" providerId="ADAL" clId="{0535744C-C6B1-4286-959A-D93656DE7D58}" dt="2024-04-08T13:05:36.125" v="781" actId="478"/>
          <ac:picMkLst>
            <pc:docMk/>
            <pc:sldMk cId="1730720743" sldId="257"/>
            <ac:picMk id="13" creationId="{A47076ED-94D7-B664-9E04-5C17D7ACBD27}"/>
          </ac:picMkLst>
        </pc:picChg>
        <pc:picChg chg="add del mod modCrop">
          <ac:chgData name="Kelepiri, Zoi" userId="87bd0bed-c9e6-4c02-915b-1a0910482405" providerId="ADAL" clId="{0535744C-C6B1-4286-959A-D93656DE7D58}" dt="2024-04-09T19:30:05.903" v="13710" actId="478"/>
          <ac:picMkLst>
            <pc:docMk/>
            <pc:sldMk cId="1730720743" sldId="257"/>
            <ac:picMk id="15" creationId="{CA2BF55F-4D3B-C6E7-17BE-9AB88AC57661}"/>
          </ac:picMkLst>
        </pc:picChg>
        <pc:picChg chg="add mod modCrop">
          <ac:chgData name="Kelepiri, Zoi" userId="87bd0bed-c9e6-4c02-915b-1a0910482405" providerId="ADAL" clId="{0535744C-C6B1-4286-959A-D93656DE7D58}" dt="2024-04-09T19:30:33.464" v="13725" actId="1076"/>
          <ac:picMkLst>
            <pc:docMk/>
            <pc:sldMk cId="1730720743" sldId="257"/>
            <ac:picMk id="18" creationId="{2F3C4C1E-C2C0-02D3-0F33-495332BB5EA2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9T19:32:05.765" v="13736" actId="1076"/>
        <pc:sldMkLst>
          <pc:docMk/>
          <pc:sldMk cId="1854772163" sldId="258"/>
        </pc:sldMkLst>
        <pc:spChg chg="mod">
          <ac:chgData name="Kelepiri, Zoi" userId="87bd0bed-c9e6-4c02-915b-1a0910482405" providerId="ADAL" clId="{0535744C-C6B1-4286-959A-D93656DE7D58}" dt="2024-04-08T13:38:10.854" v="932" actId="2711"/>
          <ac:spMkLst>
            <pc:docMk/>
            <pc:sldMk cId="1854772163" sldId="258"/>
            <ac:spMk id="2" creationId="{FC6D99A1-D45A-60C4-475E-FCFBC9FBEF6D}"/>
          </ac:spMkLst>
        </pc:spChg>
        <pc:spChg chg="del mod">
          <ac:chgData name="Kelepiri, Zoi" userId="87bd0bed-c9e6-4c02-915b-1a0910482405" providerId="ADAL" clId="{0535744C-C6B1-4286-959A-D93656DE7D58}" dt="2024-04-06T09:54:33.804" v="336" actId="22"/>
          <ac:spMkLst>
            <pc:docMk/>
            <pc:sldMk cId="1854772163" sldId="258"/>
            <ac:spMk id="3" creationId="{134DE627-E486-BB76-1F49-F5ADAA1528E0}"/>
          </ac:spMkLst>
        </pc:spChg>
        <pc:picChg chg="add del mod">
          <ac:chgData name="Kelepiri, Zoi" userId="87bd0bed-c9e6-4c02-915b-1a0910482405" providerId="ADAL" clId="{0535744C-C6B1-4286-959A-D93656DE7D58}" dt="2024-04-09T19:31:57.399" v="13732" actId="478"/>
          <ac:picMkLst>
            <pc:docMk/>
            <pc:sldMk cId="1854772163" sldId="258"/>
            <ac:picMk id="4" creationId="{65276EB2-543F-C248-D46C-78EE61DA4718}"/>
          </ac:picMkLst>
        </pc:picChg>
        <pc:picChg chg="add mod ord modCrop">
          <ac:chgData name="Kelepiri, Zoi" userId="87bd0bed-c9e6-4c02-915b-1a0910482405" providerId="ADAL" clId="{0535744C-C6B1-4286-959A-D93656DE7D58}" dt="2024-04-08T13:59:57.888" v="1121" actId="1076"/>
          <ac:picMkLst>
            <pc:docMk/>
            <pc:sldMk cId="1854772163" sldId="258"/>
            <ac:picMk id="5" creationId="{EEBE00FC-FD51-1E64-C028-7C762899DE14}"/>
          </ac:picMkLst>
        </pc:picChg>
        <pc:picChg chg="add mod modCrop">
          <ac:chgData name="Kelepiri, Zoi" userId="87bd0bed-c9e6-4c02-915b-1a0910482405" providerId="ADAL" clId="{0535744C-C6B1-4286-959A-D93656DE7D58}" dt="2024-04-08T13:59:51.530" v="1118" actId="1076"/>
          <ac:picMkLst>
            <pc:docMk/>
            <pc:sldMk cId="1854772163" sldId="258"/>
            <ac:picMk id="7" creationId="{096E2BC8-6A4B-7D9C-E889-6377744D472A}"/>
          </ac:picMkLst>
        </pc:picChg>
        <pc:picChg chg="add mod modCrop">
          <ac:chgData name="Kelepiri, Zoi" userId="87bd0bed-c9e6-4c02-915b-1a0910482405" providerId="ADAL" clId="{0535744C-C6B1-4286-959A-D93656DE7D58}" dt="2024-04-09T19:32:05.765" v="13736" actId="1076"/>
          <ac:picMkLst>
            <pc:docMk/>
            <pc:sldMk cId="1854772163" sldId="258"/>
            <ac:picMk id="8" creationId="{2B778AA3-55F5-300E-FFA2-A7AE83866E53}"/>
          </ac:picMkLst>
        </pc:picChg>
        <pc:picChg chg="add del mod">
          <ac:chgData name="Kelepiri, Zoi" userId="87bd0bed-c9e6-4c02-915b-1a0910482405" providerId="ADAL" clId="{0535744C-C6B1-4286-959A-D93656DE7D58}" dt="2024-04-08T13:07:56.106" v="793" actId="478"/>
          <ac:picMkLst>
            <pc:docMk/>
            <pc:sldMk cId="1854772163" sldId="258"/>
            <ac:picMk id="9" creationId="{B493244E-741F-0894-4509-BDA121483363}"/>
          </ac:picMkLst>
        </pc:picChg>
        <pc:picChg chg="add del mod">
          <ac:chgData name="Kelepiri, Zoi" userId="87bd0bed-c9e6-4c02-915b-1a0910482405" providerId="ADAL" clId="{0535744C-C6B1-4286-959A-D93656DE7D58}" dt="2024-04-08T13:07:57.720" v="794" actId="478"/>
          <ac:picMkLst>
            <pc:docMk/>
            <pc:sldMk cId="1854772163" sldId="258"/>
            <ac:picMk id="11" creationId="{245F725F-3763-11D6-4886-99C1B5762956}"/>
          </ac:picMkLst>
        </pc:picChg>
        <pc:picChg chg="add mod">
          <ac:chgData name="Kelepiri, Zoi" userId="87bd0bed-c9e6-4c02-915b-1a0910482405" providerId="ADAL" clId="{0535744C-C6B1-4286-959A-D93656DE7D58}" dt="2024-04-09T19:32:04.068" v="13735" actId="1076"/>
          <ac:picMkLst>
            <pc:docMk/>
            <pc:sldMk cId="1854772163" sldId="258"/>
            <ac:picMk id="12" creationId="{48875BF4-1FEA-AA47-14DB-CC557BC6A212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9T19:32:26.468" v="13738" actId="20577"/>
        <pc:sldMkLst>
          <pc:docMk/>
          <pc:sldMk cId="4227107646" sldId="259"/>
        </pc:sldMkLst>
        <pc:spChg chg="mod">
          <ac:chgData name="Kelepiri, Zoi" userId="87bd0bed-c9e6-4c02-915b-1a0910482405" providerId="ADAL" clId="{0535744C-C6B1-4286-959A-D93656DE7D58}" dt="2024-04-08T13:38:19.285" v="934" actId="14100"/>
          <ac:spMkLst>
            <pc:docMk/>
            <pc:sldMk cId="4227107646" sldId="259"/>
            <ac:spMk id="2" creationId="{FF5094D4-0809-55D3-2775-89014D19F4B0}"/>
          </ac:spMkLst>
        </pc:spChg>
        <pc:spChg chg="del">
          <ac:chgData name="Kelepiri, Zoi" userId="87bd0bed-c9e6-4c02-915b-1a0910482405" providerId="ADAL" clId="{0535744C-C6B1-4286-959A-D93656DE7D58}" dt="2024-04-06T10:05:11.488" v="345" actId="22"/>
          <ac:spMkLst>
            <pc:docMk/>
            <pc:sldMk cId="4227107646" sldId="259"/>
            <ac:spMk id="3" creationId="{3261CA65-3604-22F0-E021-C80F44B2EB10}"/>
          </ac:spMkLst>
        </pc:spChg>
        <pc:spChg chg="add del mod">
          <ac:chgData name="Kelepiri, Zoi" userId="87bd0bed-c9e6-4c02-915b-1a0910482405" providerId="ADAL" clId="{0535744C-C6B1-4286-959A-D93656DE7D58}" dt="2024-04-08T13:09:30.906" v="804"/>
          <ac:spMkLst>
            <pc:docMk/>
            <pc:sldMk cId="4227107646" sldId="259"/>
            <ac:spMk id="4" creationId="{28C36723-0C09-C128-D77C-519DB77AF5B3}"/>
          </ac:spMkLst>
        </pc:spChg>
        <pc:spChg chg="add mod">
          <ac:chgData name="Kelepiri, Zoi" userId="87bd0bed-c9e6-4c02-915b-1a0910482405" providerId="ADAL" clId="{0535744C-C6B1-4286-959A-D93656DE7D58}" dt="2024-04-09T19:32:26.468" v="13738" actId="20577"/>
          <ac:spMkLst>
            <pc:docMk/>
            <pc:sldMk cId="4227107646" sldId="259"/>
            <ac:spMk id="12" creationId="{8DDCE016-A672-EC57-60CC-2908293951E2}"/>
          </ac:spMkLst>
        </pc:spChg>
        <pc:picChg chg="add del mod ord">
          <ac:chgData name="Kelepiri, Zoi" userId="87bd0bed-c9e6-4c02-915b-1a0910482405" providerId="ADAL" clId="{0535744C-C6B1-4286-959A-D93656DE7D58}" dt="2024-04-08T13:09:07.944" v="801" actId="478"/>
          <ac:picMkLst>
            <pc:docMk/>
            <pc:sldMk cId="4227107646" sldId="259"/>
            <ac:picMk id="5" creationId="{D8456CEE-BCF8-CE8C-3D79-B8B12FC49315}"/>
          </ac:picMkLst>
        </pc:picChg>
        <pc:picChg chg="add del mod">
          <ac:chgData name="Kelepiri, Zoi" userId="87bd0bed-c9e6-4c02-915b-1a0910482405" providerId="ADAL" clId="{0535744C-C6B1-4286-959A-D93656DE7D58}" dt="2024-04-08T13:09:10.317" v="803"/>
          <ac:picMkLst>
            <pc:docMk/>
            <pc:sldMk cId="4227107646" sldId="259"/>
            <ac:picMk id="6" creationId="{3EEF2730-A05B-786D-FFA3-D6D70CAE05D4}"/>
          </ac:picMkLst>
        </pc:picChg>
        <pc:picChg chg="add del">
          <ac:chgData name="Kelepiri, Zoi" userId="87bd0bed-c9e6-4c02-915b-1a0910482405" providerId="ADAL" clId="{0535744C-C6B1-4286-959A-D93656DE7D58}" dt="2024-04-06T10:09:13.321" v="348" actId="478"/>
          <ac:picMkLst>
            <pc:docMk/>
            <pc:sldMk cId="4227107646" sldId="259"/>
            <ac:picMk id="7" creationId="{269E609E-FFC6-2428-A5D5-9C452F1F0B2D}"/>
          </ac:picMkLst>
        </pc:picChg>
        <pc:picChg chg="add mod modCrop">
          <ac:chgData name="Kelepiri, Zoi" userId="87bd0bed-c9e6-4c02-915b-1a0910482405" providerId="ADAL" clId="{0535744C-C6B1-4286-959A-D93656DE7D58}" dt="2024-04-09T11:45:29.891" v="3563" actId="1076"/>
          <ac:picMkLst>
            <pc:docMk/>
            <pc:sldMk cId="4227107646" sldId="259"/>
            <ac:picMk id="8" creationId="{5D550D36-C49F-2360-6C7E-AE1E1FCEBDCE}"/>
          </ac:picMkLst>
        </pc:picChg>
        <pc:picChg chg="add del mod">
          <ac:chgData name="Kelepiri, Zoi" userId="87bd0bed-c9e6-4c02-915b-1a0910482405" providerId="ADAL" clId="{0535744C-C6B1-4286-959A-D93656DE7D58}" dt="2024-04-08T13:10:37.310" v="814" actId="478"/>
          <ac:picMkLst>
            <pc:docMk/>
            <pc:sldMk cId="4227107646" sldId="259"/>
            <ac:picMk id="9" creationId="{F2E54343-087B-9971-D58A-1DC5650BA17D}"/>
          </ac:picMkLst>
        </pc:picChg>
        <pc:picChg chg="add mod modCrop">
          <ac:chgData name="Kelepiri, Zoi" userId="87bd0bed-c9e6-4c02-915b-1a0910482405" providerId="ADAL" clId="{0535744C-C6B1-4286-959A-D93656DE7D58}" dt="2024-04-09T11:45:33.817" v="3564" actId="1076"/>
          <ac:picMkLst>
            <pc:docMk/>
            <pc:sldMk cId="4227107646" sldId="259"/>
            <ac:picMk id="11" creationId="{820415D4-3231-E978-1044-56F4A9716DE0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8T13:38:34.844" v="938" actId="2711"/>
        <pc:sldMkLst>
          <pc:docMk/>
          <pc:sldMk cId="761727409" sldId="260"/>
        </pc:sldMkLst>
        <pc:spChg chg="mod">
          <ac:chgData name="Kelepiri, Zoi" userId="87bd0bed-c9e6-4c02-915b-1a0910482405" providerId="ADAL" clId="{0535744C-C6B1-4286-959A-D93656DE7D58}" dt="2024-04-08T13:38:34.844" v="938" actId="2711"/>
          <ac:spMkLst>
            <pc:docMk/>
            <pc:sldMk cId="761727409" sldId="260"/>
            <ac:spMk id="2" creationId="{BB38420B-BAC6-D204-1CC1-D95CD2AA8D64}"/>
          </ac:spMkLst>
        </pc:spChg>
        <pc:spChg chg="del mod">
          <ac:chgData name="Kelepiri, Zoi" userId="87bd0bed-c9e6-4c02-915b-1a0910482405" providerId="ADAL" clId="{0535744C-C6B1-4286-959A-D93656DE7D58}" dt="2024-04-06T10:21:46.074" v="354" actId="22"/>
          <ac:spMkLst>
            <pc:docMk/>
            <pc:sldMk cId="761727409" sldId="260"/>
            <ac:spMk id="3" creationId="{1BE8A277-8330-BE5D-BCDB-E95A9B945614}"/>
          </ac:spMkLst>
        </pc:spChg>
        <pc:picChg chg="add mod ord">
          <ac:chgData name="Kelepiri, Zoi" userId="87bd0bed-c9e6-4c02-915b-1a0910482405" providerId="ADAL" clId="{0535744C-C6B1-4286-959A-D93656DE7D58}" dt="2024-04-06T10:21:47.878" v="355" actId="1076"/>
          <ac:picMkLst>
            <pc:docMk/>
            <pc:sldMk cId="761727409" sldId="260"/>
            <ac:picMk id="5" creationId="{1F583787-D198-62DA-4BE9-36C2CD076236}"/>
          </ac:picMkLst>
        </pc:picChg>
        <pc:picChg chg="add del mod">
          <ac:chgData name="Kelepiri, Zoi" userId="87bd0bed-c9e6-4c02-915b-1a0910482405" providerId="ADAL" clId="{0535744C-C6B1-4286-959A-D93656DE7D58}" dt="2024-04-06T10:31:44.406" v="364" actId="478"/>
          <ac:picMkLst>
            <pc:docMk/>
            <pc:sldMk cId="761727409" sldId="260"/>
            <ac:picMk id="7" creationId="{5EEB94F6-06AF-3A71-DC71-4AAFB3ACE478}"/>
          </ac:picMkLst>
        </pc:picChg>
        <pc:picChg chg="add mod modCrop">
          <ac:chgData name="Kelepiri, Zoi" userId="87bd0bed-c9e6-4c02-915b-1a0910482405" providerId="ADAL" clId="{0535744C-C6B1-4286-959A-D93656DE7D58}" dt="2024-04-06T10:31:51.648" v="367" actId="1076"/>
          <ac:picMkLst>
            <pc:docMk/>
            <pc:sldMk cId="761727409" sldId="260"/>
            <ac:picMk id="9" creationId="{DDB425AC-FF77-8C00-9722-044C14C54841}"/>
          </ac:picMkLst>
        </pc:picChg>
        <pc:picChg chg="add mod modCrop">
          <ac:chgData name="Kelepiri, Zoi" userId="87bd0bed-c9e6-4c02-915b-1a0910482405" providerId="ADAL" clId="{0535744C-C6B1-4286-959A-D93656DE7D58}" dt="2024-04-06T10:32:08.271" v="372" actId="1076"/>
          <ac:picMkLst>
            <pc:docMk/>
            <pc:sldMk cId="761727409" sldId="260"/>
            <ac:picMk id="11" creationId="{0BBA98A4-5690-808C-96FD-97E835606C2D}"/>
          </ac:picMkLst>
        </pc:picChg>
        <pc:picChg chg="add mod">
          <ac:chgData name="Kelepiri, Zoi" userId="87bd0bed-c9e6-4c02-915b-1a0910482405" providerId="ADAL" clId="{0535744C-C6B1-4286-959A-D93656DE7D58}" dt="2024-04-06T10:32:10.368" v="373" actId="1076"/>
          <ac:picMkLst>
            <pc:docMk/>
            <pc:sldMk cId="761727409" sldId="260"/>
            <ac:picMk id="13" creationId="{19836B6B-E77F-0E54-424D-F0F297062B5D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9T19:32:59.148" v="13740"/>
        <pc:sldMkLst>
          <pc:docMk/>
          <pc:sldMk cId="2613497703" sldId="261"/>
        </pc:sldMkLst>
        <pc:spChg chg="mod">
          <ac:chgData name="Kelepiri, Zoi" userId="87bd0bed-c9e6-4c02-915b-1a0910482405" providerId="ADAL" clId="{0535744C-C6B1-4286-959A-D93656DE7D58}" dt="2024-04-08T14:01:17.820" v="1133" actId="1076"/>
          <ac:spMkLst>
            <pc:docMk/>
            <pc:sldMk cId="2613497703" sldId="261"/>
            <ac:spMk id="2" creationId="{B0D42F4A-5E30-938D-E74B-226DE36206CC}"/>
          </ac:spMkLst>
        </pc:spChg>
        <pc:spChg chg="del">
          <ac:chgData name="Kelepiri, Zoi" userId="87bd0bed-c9e6-4c02-915b-1a0910482405" providerId="ADAL" clId="{0535744C-C6B1-4286-959A-D93656DE7D58}" dt="2024-04-06T10:33:19.859" v="374" actId="22"/>
          <ac:spMkLst>
            <pc:docMk/>
            <pc:sldMk cId="2613497703" sldId="261"/>
            <ac:spMk id="3" creationId="{AC33B44F-F548-2642-9956-5CDB146D6B88}"/>
          </ac:spMkLst>
        </pc:spChg>
        <pc:spChg chg="add del mod">
          <ac:chgData name="Kelepiri, Zoi" userId="87bd0bed-c9e6-4c02-915b-1a0910482405" providerId="ADAL" clId="{0535744C-C6B1-4286-959A-D93656DE7D58}" dt="2024-04-08T13:11:49.605" v="824"/>
          <ac:spMkLst>
            <pc:docMk/>
            <pc:sldMk cId="2613497703" sldId="261"/>
            <ac:spMk id="4" creationId="{69F6ABE8-52D9-84BD-6A15-AEC5EF44A713}"/>
          </ac:spMkLst>
        </pc:spChg>
        <pc:spChg chg="add mod">
          <ac:chgData name="Kelepiri, Zoi" userId="87bd0bed-c9e6-4c02-915b-1a0910482405" providerId="ADAL" clId="{0535744C-C6B1-4286-959A-D93656DE7D58}" dt="2024-04-09T19:32:48.698" v="13739"/>
          <ac:spMkLst>
            <pc:docMk/>
            <pc:sldMk cId="2613497703" sldId="261"/>
            <ac:spMk id="11" creationId="{B14D8E56-4980-4744-BC2F-E9B894DFD56D}"/>
          </ac:spMkLst>
        </pc:spChg>
        <pc:spChg chg="add mod">
          <ac:chgData name="Kelepiri, Zoi" userId="87bd0bed-c9e6-4c02-915b-1a0910482405" providerId="ADAL" clId="{0535744C-C6B1-4286-959A-D93656DE7D58}" dt="2024-04-09T19:32:59.148" v="13740"/>
          <ac:spMkLst>
            <pc:docMk/>
            <pc:sldMk cId="2613497703" sldId="261"/>
            <ac:spMk id="12" creationId="{2B44B15A-693D-524F-45F6-EAB8810FF58E}"/>
          </ac:spMkLst>
        </pc:spChg>
        <pc:picChg chg="add del mod ord modCrop">
          <ac:chgData name="Kelepiri, Zoi" userId="87bd0bed-c9e6-4c02-915b-1a0910482405" providerId="ADAL" clId="{0535744C-C6B1-4286-959A-D93656DE7D58}" dt="2024-04-08T13:11:48.822" v="823" actId="478"/>
          <ac:picMkLst>
            <pc:docMk/>
            <pc:sldMk cId="2613497703" sldId="261"/>
            <ac:picMk id="5" creationId="{CF01B9E0-476E-F4BD-F568-F48FE5A19991}"/>
          </ac:picMkLst>
        </pc:picChg>
        <pc:picChg chg="add del mod">
          <ac:chgData name="Kelepiri, Zoi" userId="87bd0bed-c9e6-4c02-915b-1a0910482405" providerId="ADAL" clId="{0535744C-C6B1-4286-959A-D93656DE7D58}" dt="2024-04-08T13:12:38.551" v="831" actId="478"/>
          <ac:picMkLst>
            <pc:docMk/>
            <pc:sldMk cId="2613497703" sldId="261"/>
            <ac:picMk id="7" creationId="{03B22AA4-39DA-318F-0522-5E8CF7D2FAE8}"/>
          </ac:picMkLst>
        </pc:picChg>
        <pc:picChg chg="add mod modCrop">
          <ac:chgData name="Kelepiri, Zoi" userId="87bd0bed-c9e6-4c02-915b-1a0910482405" providerId="ADAL" clId="{0535744C-C6B1-4286-959A-D93656DE7D58}" dt="2024-04-08T14:01:13.641" v="1132" actId="1076"/>
          <ac:picMkLst>
            <pc:docMk/>
            <pc:sldMk cId="2613497703" sldId="261"/>
            <ac:picMk id="8" creationId="{0D9FA1D9-2CE9-D0CA-5C9F-DC0700E7242B}"/>
          </ac:picMkLst>
        </pc:picChg>
        <pc:picChg chg="add mod modCrop">
          <ac:chgData name="Kelepiri, Zoi" userId="87bd0bed-c9e6-4c02-915b-1a0910482405" providerId="ADAL" clId="{0535744C-C6B1-4286-959A-D93656DE7D58}" dt="2024-04-08T14:01:11.399" v="1131" actId="1076"/>
          <ac:picMkLst>
            <pc:docMk/>
            <pc:sldMk cId="2613497703" sldId="261"/>
            <ac:picMk id="10" creationId="{62683400-E868-B1D8-B088-98FFA4D98BB4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8T14:01:21.888" v="1134" actId="1076"/>
        <pc:sldMkLst>
          <pc:docMk/>
          <pc:sldMk cId="4290965951" sldId="262"/>
        </pc:sldMkLst>
        <pc:spChg chg="mod">
          <ac:chgData name="Kelepiri, Zoi" userId="87bd0bed-c9e6-4c02-915b-1a0910482405" providerId="ADAL" clId="{0535744C-C6B1-4286-959A-D93656DE7D58}" dt="2024-04-08T13:39:02.627" v="945" actId="14100"/>
          <ac:spMkLst>
            <pc:docMk/>
            <pc:sldMk cId="4290965951" sldId="262"/>
            <ac:spMk id="2" creationId="{76EDB4BE-2D52-823A-3160-F9B150E0E554}"/>
          </ac:spMkLst>
        </pc:spChg>
        <pc:spChg chg="del">
          <ac:chgData name="Kelepiri, Zoi" userId="87bd0bed-c9e6-4c02-915b-1a0910482405" providerId="ADAL" clId="{0535744C-C6B1-4286-959A-D93656DE7D58}" dt="2024-04-06T10:34:51.491" v="385" actId="22"/>
          <ac:spMkLst>
            <pc:docMk/>
            <pc:sldMk cId="4290965951" sldId="262"/>
            <ac:spMk id="3" creationId="{86BBC216-2921-6FC7-3955-D085FD775E21}"/>
          </ac:spMkLst>
        </pc:spChg>
        <pc:picChg chg="add mod ord">
          <ac:chgData name="Kelepiri, Zoi" userId="87bd0bed-c9e6-4c02-915b-1a0910482405" providerId="ADAL" clId="{0535744C-C6B1-4286-959A-D93656DE7D58}" dt="2024-04-08T14:01:21.888" v="1134" actId="1076"/>
          <ac:picMkLst>
            <pc:docMk/>
            <pc:sldMk cId="4290965951" sldId="262"/>
            <ac:picMk id="5" creationId="{586921A7-FE48-75D0-F2A8-20715EE048B3}"/>
          </ac:picMkLst>
        </pc:picChg>
        <pc:picChg chg="add">
          <ac:chgData name="Kelepiri, Zoi" userId="87bd0bed-c9e6-4c02-915b-1a0910482405" providerId="ADAL" clId="{0535744C-C6B1-4286-959A-D93656DE7D58}" dt="2024-04-06T10:35:17.436" v="387" actId="22"/>
          <ac:picMkLst>
            <pc:docMk/>
            <pc:sldMk cId="4290965951" sldId="262"/>
            <ac:picMk id="7" creationId="{4B0821DF-D9DC-AA53-5854-306A0EBCB328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9T19:37:58.535" v="13820" actId="20577"/>
        <pc:sldMkLst>
          <pc:docMk/>
          <pc:sldMk cId="2281757288" sldId="263"/>
        </pc:sldMkLst>
        <pc:spChg chg="mod">
          <ac:chgData name="Kelepiri, Zoi" userId="87bd0bed-c9e6-4c02-915b-1a0910482405" providerId="ADAL" clId="{0535744C-C6B1-4286-959A-D93656DE7D58}" dt="2024-04-08T13:39:12.222" v="947" actId="14100"/>
          <ac:spMkLst>
            <pc:docMk/>
            <pc:sldMk cId="2281757288" sldId="263"/>
            <ac:spMk id="2" creationId="{BE3BE583-46A5-4A66-06E5-A47725C9A4F7}"/>
          </ac:spMkLst>
        </pc:spChg>
        <pc:spChg chg="del">
          <ac:chgData name="Kelepiri, Zoi" userId="87bd0bed-c9e6-4c02-915b-1a0910482405" providerId="ADAL" clId="{0535744C-C6B1-4286-959A-D93656DE7D58}" dt="2024-04-06T10:35:55.019" v="392"/>
          <ac:spMkLst>
            <pc:docMk/>
            <pc:sldMk cId="2281757288" sldId="263"/>
            <ac:spMk id="3" creationId="{A4A438F6-4338-7CFB-DC59-A578D21AA6FA}"/>
          </ac:spMkLst>
        </pc:spChg>
        <pc:spChg chg="add del mod">
          <ac:chgData name="Kelepiri, Zoi" userId="87bd0bed-c9e6-4c02-915b-1a0910482405" providerId="ADAL" clId="{0535744C-C6B1-4286-959A-D93656DE7D58}" dt="2024-04-08T13:13:46.779" v="847" actId="478"/>
          <ac:spMkLst>
            <pc:docMk/>
            <pc:sldMk cId="2281757288" sldId="263"/>
            <ac:spMk id="5" creationId="{61A72D32-8790-BDA2-5132-7EE7B4A754EF}"/>
          </ac:spMkLst>
        </pc:spChg>
        <pc:spChg chg="add mod">
          <ac:chgData name="Kelepiri, Zoi" userId="87bd0bed-c9e6-4c02-915b-1a0910482405" providerId="ADAL" clId="{0535744C-C6B1-4286-959A-D93656DE7D58}" dt="2024-04-09T19:37:54.369" v="13812" actId="20577"/>
          <ac:spMkLst>
            <pc:docMk/>
            <pc:sldMk cId="2281757288" sldId="263"/>
            <ac:spMk id="10" creationId="{5B58D5C3-EC03-3DC3-CA5A-156E27920BBC}"/>
          </ac:spMkLst>
        </pc:spChg>
        <pc:spChg chg="add mod">
          <ac:chgData name="Kelepiri, Zoi" userId="87bd0bed-c9e6-4c02-915b-1a0910482405" providerId="ADAL" clId="{0535744C-C6B1-4286-959A-D93656DE7D58}" dt="2024-04-09T19:37:58.535" v="13820" actId="20577"/>
          <ac:spMkLst>
            <pc:docMk/>
            <pc:sldMk cId="2281757288" sldId="263"/>
            <ac:spMk id="11" creationId="{F0F918DC-A05C-4838-412F-FF146009641E}"/>
          </ac:spMkLst>
        </pc:spChg>
        <pc:picChg chg="add del mod">
          <ac:chgData name="Kelepiri, Zoi" userId="87bd0bed-c9e6-4c02-915b-1a0910482405" providerId="ADAL" clId="{0535744C-C6B1-4286-959A-D93656DE7D58}" dt="2024-04-08T13:13:32.731" v="841" actId="478"/>
          <ac:picMkLst>
            <pc:docMk/>
            <pc:sldMk cId="2281757288" sldId="263"/>
            <ac:picMk id="4" creationId="{2305B9D9-2239-F0DD-317D-9102AC8337A5}"/>
          </ac:picMkLst>
        </pc:picChg>
        <pc:picChg chg="add del mod">
          <ac:chgData name="Kelepiri, Zoi" userId="87bd0bed-c9e6-4c02-915b-1a0910482405" providerId="ADAL" clId="{0535744C-C6B1-4286-959A-D93656DE7D58}" dt="2024-04-08T13:13:48.777" v="848" actId="478"/>
          <ac:picMkLst>
            <pc:docMk/>
            <pc:sldMk cId="2281757288" sldId="263"/>
            <ac:picMk id="6" creationId="{056F7F18-1F11-AFC6-4B22-9C2D85A53723}"/>
          </ac:picMkLst>
        </pc:picChg>
        <pc:picChg chg="add mod">
          <ac:chgData name="Kelepiri, Zoi" userId="87bd0bed-c9e6-4c02-915b-1a0910482405" providerId="ADAL" clId="{0535744C-C6B1-4286-959A-D93656DE7D58}" dt="2024-04-08T13:13:42.505" v="845" actId="1076"/>
          <ac:picMkLst>
            <pc:docMk/>
            <pc:sldMk cId="2281757288" sldId="263"/>
            <ac:picMk id="7" creationId="{1862D36A-5549-E235-780D-3065C1F29D86}"/>
          </ac:picMkLst>
        </pc:picChg>
        <pc:picChg chg="add mod modCrop">
          <ac:chgData name="Kelepiri, Zoi" userId="87bd0bed-c9e6-4c02-915b-1a0910482405" providerId="ADAL" clId="{0535744C-C6B1-4286-959A-D93656DE7D58}" dt="2024-04-08T13:14:51.558" v="858" actId="1076"/>
          <ac:picMkLst>
            <pc:docMk/>
            <pc:sldMk cId="2281757288" sldId="263"/>
            <ac:picMk id="9" creationId="{14F4D9B8-D164-0C6A-260F-8A6E4959F902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8T13:39:16.645" v="948" actId="2711"/>
        <pc:sldMkLst>
          <pc:docMk/>
          <pc:sldMk cId="2050944314" sldId="264"/>
        </pc:sldMkLst>
        <pc:spChg chg="mod">
          <ac:chgData name="Kelepiri, Zoi" userId="87bd0bed-c9e6-4c02-915b-1a0910482405" providerId="ADAL" clId="{0535744C-C6B1-4286-959A-D93656DE7D58}" dt="2024-04-08T13:39:16.645" v="948" actId="2711"/>
          <ac:spMkLst>
            <pc:docMk/>
            <pc:sldMk cId="2050944314" sldId="264"/>
            <ac:spMk id="2" creationId="{CDB8A486-2253-04E9-1C9B-A7723DC7F6FC}"/>
          </ac:spMkLst>
        </pc:spChg>
        <pc:spChg chg="del">
          <ac:chgData name="Kelepiri, Zoi" userId="87bd0bed-c9e6-4c02-915b-1a0910482405" providerId="ADAL" clId="{0535744C-C6B1-4286-959A-D93656DE7D58}" dt="2024-04-06T10:35:37.609" v="388"/>
          <ac:spMkLst>
            <pc:docMk/>
            <pc:sldMk cId="2050944314" sldId="264"/>
            <ac:spMk id="3" creationId="{4B3D9ADB-0CFE-86E0-D351-9459E8DD8780}"/>
          </ac:spMkLst>
        </pc:spChg>
        <pc:spChg chg="add del mod">
          <ac:chgData name="Kelepiri, Zoi" userId="87bd0bed-c9e6-4c02-915b-1a0910482405" providerId="ADAL" clId="{0535744C-C6B1-4286-959A-D93656DE7D58}" dt="2024-04-08T13:15:03.794" v="861" actId="478"/>
          <ac:spMkLst>
            <pc:docMk/>
            <pc:sldMk cId="2050944314" sldId="264"/>
            <ac:spMk id="6" creationId="{DE0A5B0D-C20B-F3BD-C39D-3169879D650A}"/>
          </ac:spMkLst>
        </pc:spChg>
        <pc:picChg chg="add del mod">
          <ac:chgData name="Kelepiri, Zoi" userId="87bd0bed-c9e6-4c02-915b-1a0910482405" providerId="ADAL" clId="{0535744C-C6B1-4286-959A-D93656DE7D58}" dt="2024-04-08T13:15:00.830" v="859" actId="478"/>
          <ac:picMkLst>
            <pc:docMk/>
            <pc:sldMk cId="2050944314" sldId="264"/>
            <ac:picMk id="4" creationId="{1189C73E-475F-3A30-07CA-0E9E07121B5A}"/>
          </ac:picMkLst>
        </pc:picChg>
        <pc:picChg chg="add mod">
          <ac:chgData name="Kelepiri, Zoi" userId="87bd0bed-c9e6-4c02-915b-1a0910482405" providerId="ADAL" clId="{0535744C-C6B1-4286-959A-D93656DE7D58}" dt="2024-04-08T13:15:08.417" v="864" actId="1076"/>
          <ac:picMkLst>
            <pc:docMk/>
            <pc:sldMk cId="2050944314" sldId="264"/>
            <ac:picMk id="5" creationId="{7ADDBE24-6544-1AC4-CD3B-9E29BA33C871}"/>
          </ac:picMkLst>
        </pc:picChg>
        <pc:picChg chg="add mod modCrop">
          <ac:chgData name="Kelepiri, Zoi" userId="87bd0bed-c9e6-4c02-915b-1a0910482405" providerId="ADAL" clId="{0535744C-C6B1-4286-959A-D93656DE7D58}" dt="2024-04-08T13:16:06.844" v="871" actId="732"/>
          <ac:picMkLst>
            <pc:docMk/>
            <pc:sldMk cId="2050944314" sldId="264"/>
            <ac:picMk id="8" creationId="{571C6101-75A5-25C1-7026-BCEC25B7B897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9T11:58:50.468" v="4167" actId="478"/>
        <pc:sldMkLst>
          <pc:docMk/>
          <pc:sldMk cId="4013806763" sldId="265"/>
        </pc:sldMkLst>
        <pc:spChg chg="mod">
          <ac:chgData name="Kelepiri, Zoi" userId="87bd0bed-c9e6-4c02-915b-1a0910482405" providerId="ADAL" clId="{0535744C-C6B1-4286-959A-D93656DE7D58}" dt="2024-04-09T11:52:00.178" v="3930" actId="1076"/>
          <ac:spMkLst>
            <pc:docMk/>
            <pc:sldMk cId="4013806763" sldId="265"/>
            <ac:spMk id="2" creationId="{33C823DE-5A13-DAC6-269E-50F23F45C5A7}"/>
          </ac:spMkLst>
        </pc:spChg>
        <pc:spChg chg="del mod">
          <ac:chgData name="Kelepiri, Zoi" userId="87bd0bed-c9e6-4c02-915b-1a0910482405" providerId="ADAL" clId="{0535744C-C6B1-4286-959A-D93656DE7D58}" dt="2024-04-06T12:26:21.149" v="400" actId="22"/>
          <ac:spMkLst>
            <pc:docMk/>
            <pc:sldMk cId="4013806763" sldId="265"/>
            <ac:spMk id="3" creationId="{0C5D7854-958A-7DD6-061F-192EFA98DC8C}"/>
          </ac:spMkLst>
        </pc:spChg>
        <pc:spChg chg="add del mod">
          <ac:chgData name="Kelepiri, Zoi" userId="87bd0bed-c9e6-4c02-915b-1a0910482405" providerId="ADAL" clId="{0535744C-C6B1-4286-959A-D93656DE7D58}" dt="2024-04-08T13:16:43.712" v="874" actId="478"/>
          <ac:spMkLst>
            <pc:docMk/>
            <pc:sldMk cId="4013806763" sldId="265"/>
            <ac:spMk id="4" creationId="{FDCAE819-8127-329A-2E85-AD429837A3E9}"/>
          </ac:spMkLst>
        </pc:spChg>
        <pc:spChg chg="add del mod">
          <ac:chgData name="Kelepiri, Zoi" userId="87bd0bed-c9e6-4c02-915b-1a0910482405" providerId="ADAL" clId="{0535744C-C6B1-4286-959A-D93656DE7D58}" dt="2024-04-06T12:34:48.940" v="425" actId="22"/>
          <ac:spMkLst>
            <pc:docMk/>
            <pc:sldMk cId="4013806763" sldId="265"/>
            <ac:spMk id="11" creationId="{FA45C61C-0A44-5EA6-44C4-5E6F854C1224}"/>
          </ac:spMkLst>
        </pc:spChg>
        <pc:spChg chg="add del mod">
          <ac:chgData name="Kelepiri, Zoi" userId="87bd0bed-c9e6-4c02-915b-1a0910482405" providerId="ADAL" clId="{0535744C-C6B1-4286-959A-D93656DE7D58}" dt="2024-04-09T11:51:56.409" v="3929" actId="478"/>
          <ac:spMkLst>
            <pc:docMk/>
            <pc:sldMk cId="4013806763" sldId="265"/>
            <ac:spMk id="21" creationId="{0284D1DC-D450-054D-765D-5DDBAFB43EF6}"/>
          </ac:spMkLst>
        </pc:spChg>
        <pc:spChg chg="add del mod">
          <ac:chgData name="Kelepiri, Zoi" userId="87bd0bed-c9e6-4c02-915b-1a0910482405" providerId="ADAL" clId="{0535744C-C6B1-4286-959A-D93656DE7D58}" dt="2024-04-09T11:58:50.468" v="4167" actId="478"/>
          <ac:spMkLst>
            <pc:docMk/>
            <pc:sldMk cId="4013806763" sldId="265"/>
            <ac:spMk id="35" creationId="{17E403D8-02A9-5FE4-EF27-86EAA40B2655}"/>
          </ac:spMkLst>
        </pc:spChg>
        <pc:picChg chg="add del mod ord modCrop">
          <ac:chgData name="Kelepiri, Zoi" userId="87bd0bed-c9e6-4c02-915b-1a0910482405" providerId="ADAL" clId="{0535744C-C6B1-4286-959A-D93656DE7D58}" dt="2024-04-06T12:30:28.594" v="411" actId="21"/>
          <ac:picMkLst>
            <pc:docMk/>
            <pc:sldMk cId="4013806763" sldId="265"/>
            <ac:picMk id="5" creationId="{6AA04053-5529-5056-D7C1-10AB02A388EF}"/>
          </ac:picMkLst>
        </pc:picChg>
        <pc:picChg chg="add mod modCrop">
          <ac:chgData name="Kelepiri, Zoi" userId="87bd0bed-c9e6-4c02-915b-1a0910482405" providerId="ADAL" clId="{0535744C-C6B1-4286-959A-D93656DE7D58}" dt="2024-04-09T11:52:02.498" v="3931" actId="1076"/>
          <ac:picMkLst>
            <pc:docMk/>
            <pc:sldMk cId="4013806763" sldId="265"/>
            <ac:picMk id="6" creationId="{58270990-3A7A-2D13-96D7-8C61F065EFDD}"/>
          </ac:picMkLst>
        </pc:picChg>
        <pc:picChg chg="add del mod">
          <ac:chgData name="Kelepiri, Zoi" userId="87bd0bed-c9e6-4c02-915b-1a0910482405" providerId="ADAL" clId="{0535744C-C6B1-4286-959A-D93656DE7D58}" dt="2024-04-06T12:30:35.428" v="414" actId="21"/>
          <ac:picMkLst>
            <pc:docMk/>
            <pc:sldMk cId="4013806763" sldId="265"/>
            <ac:picMk id="7" creationId="{D070D3C0-50E1-7E0E-EE7E-81F6A7267243}"/>
          </ac:picMkLst>
        </pc:picChg>
        <pc:picChg chg="add del">
          <ac:chgData name="Kelepiri, Zoi" userId="87bd0bed-c9e6-4c02-915b-1a0910482405" providerId="ADAL" clId="{0535744C-C6B1-4286-959A-D93656DE7D58}" dt="2024-04-08T13:21:41.797" v="886" actId="478"/>
          <ac:picMkLst>
            <pc:docMk/>
            <pc:sldMk cId="4013806763" sldId="265"/>
            <ac:picMk id="8" creationId="{04996921-2331-39AF-9432-30394354E333}"/>
          </ac:picMkLst>
        </pc:picChg>
        <pc:picChg chg="add del mod">
          <ac:chgData name="Kelepiri, Zoi" userId="87bd0bed-c9e6-4c02-915b-1a0910482405" providerId="ADAL" clId="{0535744C-C6B1-4286-959A-D93656DE7D58}" dt="2024-04-06T12:30:55.444" v="419" actId="21"/>
          <ac:picMkLst>
            <pc:docMk/>
            <pc:sldMk cId="4013806763" sldId="265"/>
            <ac:picMk id="9" creationId="{3EF1E46C-6285-7BC8-9FA4-141287666A2F}"/>
          </ac:picMkLst>
        </pc:picChg>
        <pc:picChg chg="add mod modCrop">
          <ac:chgData name="Kelepiri, Zoi" userId="87bd0bed-c9e6-4c02-915b-1a0910482405" providerId="ADAL" clId="{0535744C-C6B1-4286-959A-D93656DE7D58}" dt="2024-04-09T11:52:07.779" v="3934" actId="1076"/>
          <ac:picMkLst>
            <pc:docMk/>
            <pc:sldMk cId="4013806763" sldId="265"/>
            <ac:picMk id="10" creationId="{6EBF9AAD-CF38-FCE4-E346-2F99222B5560}"/>
          </ac:picMkLst>
        </pc:picChg>
        <pc:picChg chg="add mod">
          <ac:chgData name="Kelepiri, Zoi" userId="87bd0bed-c9e6-4c02-915b-1a0910482405" providerId="ADAL" clId="{0535744C-C6B1-4286-959A-D93656DE7D58}" dt="2024-04-09T11:52:06.290" v="3933" actId="1076"/>
          <ac:picMkLst>
            <pc:docMk/>
            <pc:sldMk cId="4013806763" sldId="265"/>
            <ac:picMk id="12" creationId="{8D396AFA-ADD9-33AF-6947-377DEFD49B51}"/>
          </ac:picMkLst>
        </pc:picChg>
        <pc:picChg chg="add del mod ord">
          <ac:chgData name="Kelepiri, Zoi" userId="87bd0bed-c9e6-4c02-915b-1a0910482405" providerId="ADAL" clId="{0535744C-C6B1-4286-959A-D93656DE7D58}" dt="2024-04-08T13:16:40.864" v="872" actId="478"/>
          <ac:picMkLst>
            <pc:docMk/>
            <pc:sldMk cId="4013806763" sldId="265"/>
            <ac:picMk id="13" creationId="{C0E19887-AA73-5822-86D7-25BBAEBF42F7}"/>
          </ac:picMkLst>
        </pc:picChg>
        <pc:picChg chg="add mod">
          <ac:chgData name="Kelepiri, Zoi" userId="87bd0bed-c9e6-4c02-915b-1a0910482405" providerId="ADAL" clId="{0535744C-C6B1-4286-959A-D93656DE7D58}" dt="2024-04-09T11:56:46.763" v="3976" actId="1076"/>
          <ac:picMkLst>
            <pc:docMk/>
            <pc:sldMk cId="4013806763" sldId="265"/>
            <ac:picMk id="15" creationId="{CFC0FCF5-2524-DFC3-B032-177D17E11C8F}"/>
          </ac:picMkLst>
        </pc:picChg>
        <pc:picChg chg="add del mod">
          <ac:chgData name="Kelepiri, Zoi" userId="87bd0bed-c9e6-4c02-915b-1a0910482405" providerId="ADAL" clId="{0535744C-C6B1-4286-959A-D93656DE7D58}" dt="2024-04-09T11:50:38.678" v="3889" actId="478"/>
          <ac:picMkLst>
            <pc:docMk/>
            <pc:sldMk cId="4013806763" sldId="265"/>
            <ac:picMk id="16" creationId="{77A31375-5F91-B352-FE96-C418955B0D75}"/>
          </ac:picMkLst>
        </pc:picChg>
        <pc:picChg chg="add mod modCrop">
          <ac:chgData name="Kelepiri, Zoi" userId="87bd0bed-c9e6-4c02-915b-1a0910482405" providerId="ADAL" clId="{0535744C-C6B1-4286-959A-D93656DE7D58}" dt="2024-04-09T11:52:13.097" v="3937" actId="1076"/>
          <ac:picMkLst>
            <pc:docMk/>
            <pc:sldMk cId="4013806763" sldId="265"/>
            <ac:picMk id="18" creationId="{6A674745-A78B-87F5-D227-5B662036EF17}"/>
          </ac:picMkLst>
        </pc:picChg>
        <pc:picChg chg="add mod">
          <ac:chgData name="Kelepiri, Zoi" userId="87bd0bed-c9e6-4c02-915b-1a0910482405" providerId="ADAL" clId="{0535744C-C6B1-4286-959A-D93656DE7D58}" dt="2024-04-09T11:52:14.666" v="3938" actId="1076"/>
          <ac:picMkLst>
            <pc:docMk/>
            <pc:sldMk cId="4013806763" sldId="265"/>
            <ac:picMk id="20" creationId="{40293804-463C-9439-6923-30B2F9F932EE}"/>
          </ac:picMkLst>
        </pc:picChg>
        <pc:picChg chg="add del mod">
          <ac:chgData name="Kelepiri, Zoi" userId="87bd0bed-c9e6-4c02-915b-1a0910482405" providerId="ADAL" clId="{0535744C-C6B1-4286-959A-D93656DE7D58}" dt="2024-04-09T11:54:09.277" v="3941" actId="478"/>
          <ac:picMkLst>
            <pc:docMk/>
            <pc:sldMk cId="4013806763" sldId="265"/>
            <ac:picMk id="23" creationId="{EC3490E2-AE3F-4869-E168-D9E4DD63AFF1}"/>
          </ac:picMkLst>
        </pc:picChg>
        <pc:picChg chg="add del mod">
          <ac:chgData name="Kelepiri, Zoi" userId="87bd0bed-c9e6-4c02-915b-1a0910482405" providerId="ADAL" clId="{0535744C-C6B1-4286-959A-D93656DE7D58}" dt="2024-04-09T11:54:13" v="3943" actId="478"/>
          <ac:picMkLst>
            <pc:docMk/>
            <pc:sldMk cId="4013806763" sldId="265"/>
            <ac:picMk id="24" creationId="{4F5C77EA-1E09-AED4-6991-3EAB305171FE}"/>
          </ac:picMkLst>
        </pc:picChg>
        <pc:picChg chg="add mod modCrop">
          <ac:chgData name="Kelepiri, Zoi" userId="87bd0bed-c9e6-4c02-915b-1a0910482405" providerId="ADAL" clId="{0535744C-C6B1-4286-959A-D93656DE7D58}" dt="2024-04-09T11:54:33.157" v="3951" actId="1076"/>
          <ac:picMkLst>
            <pc:docMk/>
            <pc:sldMk cId="4013806763" sldId="265"/>
            <ac:picMk id="26" creationId="{FA3CEE2F-4700-015E-D4A2-1A682BE7D59A}"/>
          </ac:picMkLst>
        </pc:picChg>
        <pc:picChg chg="add mod">
          <ac:chgData name="Kelepiri, Zoi" userId="87bd0bed-c9e6-4c02-915b-1a0910482405" providerId="ADAL" clId="{0535744C-C6B1-4286-959A-D93656DE7D58}" dt="2024-04-09T11:54:58.326" v="3955" actId="1076"/>
          <ac:picMkLst>
            <pc:docMk/>
            <pc:sldMk cId="4013806763" sldId="265"/>
            <ac:picMk id="28" creationId="{0F22E0FF-9BAC-AD1C-5869-ACBA65A4531E}"/>
          </ac:picMkLst>
        </pc:picChg>
        <pc:picChg chg="add del mod">
          <ac:chgData name="Kelepiri, Zoi" userId="87bd0bed-c9e6-4c02-915b-1a0910482405" providerId="ADAL" clId="{0535744C-C6B1-4286-959A-D93656DE7D58}" dt="2024-04-09T11:55:54.045" v="3961" actId="478"/>
          <ac:picMkLst>
            <pc:docMk/>
            <pc:sldMk cId="4013806763" sldId="265"/>
            <ac:picMk id="30" creationId="{6C2F5EFB-C17A-6CEE-0B39-F8015D43D212}"/>
          </ac:picMkLst>
        </pc:picChg>
        <pc:picChg chg="add mod modCrop">
          <ac:chgData name="Kelepiri, Zoi" userId="87bd0bed-c9e6-4c02-915b-1a0910482405" providerId="ADAL" clId="{0535744C-C6B1-4286-959A-D93656DE7D58}" dt="2024-04-09T11:56:10.415" v="3968" actId="1076"/>
          <ac:picMkLst>
            <pc:docMk/>
            <pc:sldMk cId="4013806763" sldId="265"/>
            <ac:picMk id="32" creationId="{BA9EF1F5-5BCC-D044-0B11-A6823D4D94BD}"/>
          </ac:picMkLst>
        </pc:picChg>
        <pc:picChg chg="add mod">
          <ac:chgData name="Kelepiri, Zoi" userId="87bd0bed-c9e6-4c02-915b-1a0910482405" providerId="ADAL" clId="{0535744C-C6B1-4286-959A-D93656DE7D58}" dt="2024-04-09T11:56:39.788" v="3975" actId="1076"/>
          <ac:picMkLst>
            <pc:docMk/>
            <pc:sldMk cId="4013806763" sldId="265"/>
            <ac:picMk id="34" creationId="{97294D25-21B6-C0F2-0288-19034D9063D2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9T19:41:36.975" v="13900" actId="1076"/>
        <pc:sldMkLst>
          <pc:docMk/>
          <pc:sldMk cId="2954556200" sldId="266"/>
        </pc:sldMkLst>
        <pc:spChg chg="mod">
          <ac:chgData name="Kelepiri, Zoi" userId="87bd0bed-c9e6-4c02-915b-1a0910482405" providerId="ADAL" clId="{0535744C-C6B1-4286-959A-D93656DE7D58}" dt="2024-04-08T13:39:30.374" v="952" actId="2711"/>
          <ac:spMkLst>
            <pc:docMk/>
            <pc:sldMk cId="2954556200" sldId="266"/>
            <ac:spMk id="2" creationId="{4A3FEE74-9837-A807-0C6F-0C4812BFD518}"/>
          </ac:spMkLst>
        </pc:spChg>
        <pc:spChg chg="del">
          <ac:chgData name="Kelepiri, Zoi" userId="87bd0bed-c9e6-4c02-915b-1a0910482405" providerId="ADAL" clId="{0535744C-C6B1-4286-959A-D93656DE7D58}" dt="2024-04-06T12:36:14.506" v="429" actId="22"/>
          <ac:spMkLst>
            <pc:docMk/>
            <pc:sldMk cId="2954556200" sldId="266"/>
            <ac:spMk id="3" creationId="{5B4AD487-1B82-5490-840E-FD04CC243463}"/>
          </ac:spMkLst>
        </pc:spChg>
        <pc:spChg chg="add mod">
          <ac:chgData name="Kelepiri, Zoi" userId="87bd0bed-c9e6-4c02-915b-1a0910482405" providerId="ADAL" clId="{0535744C-C6B1-4286-959A-D93656DE7D58}" dt="2024-04-09T12:07:31.016" v="4656" actId="1076"/>
          <ac:spMkLst>
            <pc:docMk/>
            <pc:sldMk cId="2954556200" sldId="266"/>
            <ac:spMk id="16" creationId="{BB7A6358-4E52-5F22-15BF-FFDF28C57393}"/>
          </ac:spMkLst>
        </pc:spChg>
        <pc:spChg chg="add mod">
          <ac:chgData name="Kelepiri, Zoi" userId="87bd0bed-c9e6-4c02-915b-1a0910482405" providerId="ADAL" clId="{0535744C-C6B1-4286-959A-D93656DE7D58}" dt="2024-04-09T12:07:42.769" v="4679" actId="20577"/>
          <ac:spMkLst>
            <pc:docMk/>
            <pc:sldMk cId="2954556200" sldId="266"/>
            <ac:spMk id="17" creationId="{B5731790-7C2F-08DD-E2ED-70B4D1569B44}"/>
          </ac:spMkLst>
        </pc:spChg>
        <pc:spChg chg="add mod">
          <ac:chgData name="Kelepiri, Zoi" userId="87bd0bed-c9e6-4c02-915b-1a0910482405" providerId="ADAL" clId="{0535744C-C6B1-4286-959A-D93656DE7D58}" dt="2024-04-09T12:07:57.504" v="4699" actId="1076"/>
          <ac:spMkLst>
            <pc:docMk/>
            <pc:sldMk cId="2954556200" sldId="266"/>
            <ac:spMk id="18" creationId="{D420AC89-E068-20EA-0EC9-87C2FC987A65}"/>
          </ac:spMkLst>
        </pc:spChg>
        <pc:spChg chg="add mod">
          <ac:chgData name="Kelepiri, Zoi" userId="87bd0bed-c9e6-4c02-915b-1a0910482405" providerId="ADAL" clId="{0535744C-C6B1-4286-959A-D93656DE7D58}" dt="2024-04-09T12:08:10.370" v="4713" actId="1076"/>
          <ac:spMkLst>
            <pc:docMk/>
            <pc:sldMk cId="2954556200" sldId="266"/>
            <ac:spMk id="19" creationId="{FDDE2BFF-CF29-9C04-7537-A305D2013A44}"/>
          </ac:spMkLst>
        </pc:spChg>
        <pc:spChg chg="add mod">
          <ac:chgData name="Kelepiri, Zoi" userId="87bd0bed-c9e6-4c02-915b-1a0910482405" providerId="ADAL" clId="{0535744C-C6B1-4286-959A-D93656DE7D58}" dt="2024-04-09T12:08:46.759" v="4735" actId="313"/>
          <ac:spMkLst>
            <pc:docMk/>
            <pc:sldMk cId="2954556200" sldId="266"/>
            <ac:spMk id="20" creationId="{BCFC6C00-181D-484E-7639-74284539CB7D}"/>
          </ac:spMkLst>
        </pc:spChg>
        <pc:spChg chg="add mod">
          <ac:chgData name="Kelepiri, Zoi" userId="87bd0bed-c9e6-4c02-915b-1a0910482405" providerId="ADAL" clId="{0535744C-C6B1-4286-959A-D93656DE7D58}" dt="2024-04-09T12:08:42.330" v="4734" actId="1076"/>
          <ac:spMkLst>
            <pc:docMk/>
            <pc:sldMk cId="2954556200" sldId="266"/>
            <ac:spMk id="21" creationId="{1BF9130C-9F60-54C7-4CC5-AF65CBCB4113}"/>
          </ac:spMkLst>
        </pc:spChg>
        <pc:picChg chg="add mod">
          <ac:chgData name="Kelepiri, Zoi" userId="87bd0bed-c9e6-4c02-915b-1a0910482405" providerId="ADAL" clId="{0535744C-C6B1-4286-959A-D93656DE7D58}" dt="2024-04-09T12:06:00.430" v="4637" actId="1076"/>
          <ac:picMkLst>
            <pc:docMk/>
            <pc:sldMk cId="2954556200" sldId="266"/>
            <ac:picMk id="4" creationId="{84559A2D-7A65-F1CE-D506-3E69754AB280}"/>
          </ac:picMkLst>
        </pc:picChg>
        <pc:picChg chg="add mod ord">
          <ac:chgData name="Kelepiri, Zoi" userId="87bd0bed-c9e6-4c02-915b-1a0910482405" providerId="ADAL" clId="{0535744C-C6B1-4286-959A-D93656DE7D58}" dt="2024-04-09T12:03:23.554" v="4629" actId="1076"/>
          <ac:picMkLst>
            <pc:docMk/>
            <pc:sldMk cId="2954556200" sldId="266"/>
            <ac:picMk id="5" creationId="{1A7B7183-AE2E-873E-9E3D-AE70A7EAA610}"/>
          </ac:picMkLst>
        </pc:picChg>
        <pc:picChg chg="add mod">
          <ac:chgData name="Kelepiri, Zoi" userId="87bd0bed-c9e6-4c02-915b-1a0910482405" providerId="ADAL" clId="{0535744C-C6B1-4286-959A-D93656DE7D58}" dt="2024-04-09T12:05:59.462" v="4636" actId="1076"/>
          <ac:picMkLst>
            <pc:docMk/>
            <pc:sldMk cId="2954556200" sldId="266"/>
            <ac:picMk id="7" creationId="{43D00DC3-FC3A-0E8B-704D-614757A3E815}"/>
          </ac:picMkLst>
        </pc:picChg>
        <pc:picChg chg="add mod">
          <ac:chgData name="Kelepiri, Zoi" userId="87bd0bed-c9e6-4c02-915b-1a0910482405" providerId="ADAL" clId="{0535744C-C6B1-4286-959A-D93656DE7D58}" dt="2024-04-09T12:04:41.386" v="4633" actId="1076"/>
          <ac:picMkLst>
            <pc:docMk/>
            <pc:sldMk cId="2954556200" sldId="266"/>
            <ac:picMk id="9" creationId="{2E52F308-BE63-DF66-C057-DBCA5744EB1E}"/>
          </ac:picMkLst>
        </pc:picChg>
        <pc:picChg chg="add mod">
          <ac:chgData name="Kelepiri, Zoi" userId="87bd0bed-c9e6-4c02-915b-1a0910482405" providerId="ADAL" clId="{0535744C-C6B1-4286-959A-D93656DE7D58}" dt="2024-04-09T12:05:03.518" v="4635" actId="1076"/>
          <ac:picMkLst>
            <pc:docMk/>
            <pc:sldMk cId="2954556200" sldId="266"/>
            <ac:picMk id="11" creationId="{D10C8375-7B67-0730-C3A5-3EF8EC59A1DF}"/>
          </ac:picMkLst>
        </pc:picChg>
        <pc:picChg chg="add mod">
          <ac:chgData name="Kelepiri, Zoi" userId="87bd0bed-c9e6-4c02-915b-1a0910482405" providerId="ADAL" clId="{0535744C-C6B1-4286-959A-D93656DE7D58}" dt="2024-04-09T12:06:03.022" v="4639" actId="1076"/>
          <ac:picMkLst>
            <pc:docMk/>
            <pc:sldMk cId="2954556200" sldId="266"/>
            <ac:picMk id="13" creationId="{85182D3C-A92C-9D33-4227-9A76A604FCE9}"/>
          </ac:picMkLst>
        </pc:picChg>
        <pc:picChg chg="add del mod">
          <ac:chgData name="Kelepiri, Zoi" userId="87bd0bed-c9e6-4c02-915b-1a0910482405" providerId="ADAL" clId="{0535744C-C6B1-4286-959A-D93656DE7D58}" dt="2024-04-09T19:41:32.746" v="13896" actId="478"/>
          <ac:picMkLst>
            <pc:docMk/>
            <pc:sldMk cId="2954556200" sldId="266"/>
            <ac:picMk id="15" creationId="{3DAC9E9A-6C00-0F50-7211-B40A6C08A3EE}"/>
          </ac:picMkLst>
        </pc:picChg>
        <pc:picChg chg="add mod">
          <ac:chgData name="Kelepiri, Zoi" userId="87bd0bed-c9e6-4c02-915b-1a0910482405" providerId="ADAL" clId="{0535744C-C6B1-4286-959A-D93656DE7D58}" dt="2024-04-09T19:41:36.975" v="13900" actId="1076"/>
          <ac:picMkLst>
            <pc:docMk/>
            <pc:sldMk cId="2954556200" sldId="266"/>
            <ac:picMk id="22" creationId="{AD93D221-2C26-2AEE-33D2-3CD5A9101926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9T19:35:22.529" v="13768"/>
        <pc:sldMkLst>
          <pc:docMk/>
          <pc:sldMk cId="4085331543" sldId="267"/>
        </pc:sldMkLst>
        <pc:spChg chg="mod">
          <ac:chgData name="Kelepiri, Zoi" userId="87bd0bed-c9e6-4c02-915b-1a0910482405" providerId="ADAL" clId="{0535744C-C6B1-4286-959A-D93656DE7D58}" dt="2024-04-08T13:39:35.917" v="954" actId="2711"/>
          <ac:spMkLst>
            <pc:docMk/>
            <pc:sldMk cId="4085331543" sldId="267"/>
            <ac:spMk id="2" creationId="{8EC42959-3F00-3397-25AF-F4A83459C0A4}"/>
          </ac:spMkLst>
        </pc:spChg>
        <pc:spChg chg="del">
          <ac:chgData name="Kelepiri, Zoi" userId="87bd0bed-c9e6-4c02-915b-1a0910482405" providerId="ADAL" clId="{0535744C-C6B1-4286-959A-D93656DE7D58}" dt="2024-04-06T12:30:30.949" v="412"/>
          <ac:spMkLst>
            <pc:docMk/>
            <pc:sldMk cId="4085331543" sldId="267"/>
            <ac:spMk id="3" creationId="{F4A60DE2-374B-F485-73A9-F0C09263F27E}"/>
          </ac:spMkLst>
        </pc:spChg>
        <pc:spChg chg="add del mod">
          <ac:chgData name="Kelepiri, Zoi" userId="87bd0bed-c9e6-4c02-915b-1a0910482405" providerId="ADAL" clId="{0535744C-C6B1-4286-959A-D93656DE7D58}" dt="2024-04-08T13:24:07.430" v="904"/>
          <ac:spMkLst>
            <pc:docMk/>
            <pc:sldMk cId="4085331543" sldId="267"/>
            <ac:spMk id="7" creationId="{0832D015-39EC-6BD6-0550-4ACD434CE655}"/>
          </ac:spMkLst>
        </pc:spChg>
        <pc:spChg chg="add mod">
          <ac:chgData name="Kelepiri, Zoi" userId="87bd0bed-c9e6-4c02-915b-1a0910482405" providerId="ADAL" clId="{0535744C-C6B1-4286-959A-D93656DE7D58}" dt="2024-04-09T19:35:22.529" v="13768"/>
          <ac:spMkLst>
            <pc:docMk/>
            <pc:sldMk cId="4085331543" sldId="267"/>
            <ac:spMk id="10" creationId="{CB03FAD5-47CC-DBFE-977F-29DE3880B6EE}"/>
          </ac:spMkLst>
        </pc:spChg>
        <pc:picChg chg="add del mod">
          <ac:chgData name="Kelepiri, Zoi" userId="87bd0bed-c9e6-4c02-915b-1a0910482405" providerId="ADAL" clId="{0535744C-C6B1-4286-959A-D93656DE7D58}" dt="2024-04-08T13:24:06.640" v="903" actId="478"/>
          <ac:picMkLst>
            <pc:docMk/>
            <pc:sldMk cId="4085331543" sldId="267"/>
            <ac:picMk id="4" creationId="{AF0F71F6-6175-6920-F5FD-5E099BF6A3B9}"/>
          </ac:picMkLst>
        </pc:picChg>
        <pc:picChg chg="add mod">
          <ac:chgData name="Kelepiri, Zoi" userId="87bd0bed-c9e6-4c02-915b-1a0910482405" providerId="ADAL" clId="{0535744C-C6B1-4286-959A-D93656DE7D58}" dt="2024-04-09T13:01:59.877" v="4741" actId="1076"/>
          <ac:picMkLst>
            <pc:docMk/>
            <pc:sldMk cId="4085331543" sldId="267"/>
            <ac:picMk id="5" creationId="{1BF114B8-995A-CBD7-D687-D2A1FD94414C}"/>
          </ac:picMkLst>
        </pc:picChg>
        <pc:picChg chg="add mod">
          <ac:chgData name="Kelepiri, Zoi" userId="87bd0bed-c9e6-4c02-915b-1a0910482405" providerId="ADAL" clId="{0535744C-C6B1-4286-959A-D93656DE7D58}" dt="2024-04-09T13:01:56.316" v="4740" actId="1076"/>
          <ac:picMkLst>
            <pc:docMk/>
            <pc:sldMk cId="4085331543" sldId="267"/>
            <ac:picMk id="6" creationId="{5F66C6CB-ED0E-FB9A-95B9-43A8A6DF86A5}"/>
          </ac:picMkLst>
        </pc:picChg>
        <pc:picChg chg="add del mod">
          <ac:chgData name="Kelepiri, Zoi" userId="87bd0bed-c9e6-4c02-915b-1a0910482405" providerId="ADAL" clId="{0535744C-C6B1-4286-959A-D93656DE7D58}" dt="2024-04-06T12:43:01.867" v="433" actId="21"/>
          <ac:picMkLst>
            <pc:docMk/>
            <pc:sldMk cId="4085331543" sldId="267"/>
            <ac:picMk id="8" creationId="{C13E4EA5-9798-F891-66FE-93A83F9356D0}"/>
          </ac:picMkLst>
        </pc:picChg>
        <pc:picChg chg="add mod modCrop">
          <ac:chgData name="Kelepiri, Zoi" userId="87bd0bed-c9e6-4c02-915b-1a0910482405" providerId="ADAL" clId="{0535744C-C6B1-4286-959A-D93656DE7D58}" dt="2024-04-08T13:24:23.138" v="910" actId="1076"/>
          <ac:picMkLst>
            <pc:docMk/>
            <pc:sldMk cId="4085331543" sldId="267"/>
            <ac:picMk id="9" creationId="{C9517D85-2E26-CCB5-734B-70B2E49F5EDC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9T19:36:24.032" v="13777" actId="1076"/>
        <pc:sldMkLst>
          <pc:docMk/>
          <pc:sldMk cId="1539106170" sldId="268"/>
        </pc:sldMkLst>
        <pc:spChg chg="mod">
          <ac:chgData name="Kelepiri, Zoi" userId="87bd0bed-c9e6-4c02-915b-1a0910482405" providerId="ADAL" clId="{0535744C-C6B1-4286-959A-D93656DE7D58}" dt="2024-04-08T13:39:41.835" v="956" actId="2711"/>
          <ac:spMkLst>
            <pc:docMk/>
            <pc:sldMk cId="1539106170" sldId="268"/>
            <ac:spMk id="2" creationId="{94D131B4-87B6-9E43-EAAA-E127EFD2D1DF}"/>
          </ac:spMkLst>
        </pc:spChg>
        <pc:spChg chg="del">
          <ac:chgData name="Kelepiri, Zoi" userId="87bd0bed-c9e6-4c02-915b-1a0910482405" providerId="ADAL" clId="{0535744C-C6B1-4286-959A-D93656DE7D58}" dt="2024-04-06T12:43:04.451" v="434"/>
          <ac:spMkLst>
            <pc:docMk/>
            <pc:sldMk cId="1539106170" sldId="268"/>
            <ac:spMk id="3" creationId="{7ADA92FF-A950-6644-DAEA-F10BBC7BA3F7}"/>
          </ac:spMkLst>
        </pc:spChg>
        <pc:picChg chg="add mod">
          <ac:chgData name="Kelepiri, Zoi" userId="87bd0bed-c9e6-4c02-915b-1a0910482405" providerId="ADAL" clId="{0535744C-C6B1-4286-959A-D93656DE7D58}" dt="2024-04-09T19:36:22.647" v="13776" actId="1076"/>
          <ac:picMkLst>
            <pc:docMk/>
            <pc:sldMk cId="1539106170" sldId="268"/>
            <ac:picMk id="3" creationId="{DCFED122-7793-6A76-C716-3A8E82B30DE8}"/>
          </ac:picMkLst>
        </pc:picChg>
        <pc:picChg chg="add mod">
          <ac:chgData name="Kelepiri, Zoi" userId="87bd0bed-c9e6-4c02-915b-1a0910482405" providerId="ADAL" clId="{0535744C-C6B1-4286-959A-D93656DE7D58}" dt="2024-04-09T19:36:24.032" v="13777" actId="1076"/>
          <ac:picMkLst>
            <pc:docMk/>
            <pc:sldMk cId="1539106170" sldId="268"/>
            <ac:picMk id="4" creationId="{525FBCAD-B101-9137-E960-633D80A0D072}"/>
          </ac:picMkLst>
        </pc:picChg>
        <pc:picChg chg="add mod">
          <ac:chgData name="Kelepiri, Zoi" userId="87bd0bed-c9e6-4c02-915b-1a0910482405" providerId="ADAL" clId="{0535744C-C6B1-4286-959A-D93656DE7D58}" dt="2024-04-09T19:36:21.503" v="13775" actId="1076"/>
          <ac:picMkLst>
            <pc:docMk/>
            <pc:sldMk cId="1539106170" sldId="268"/>
            <ac:picMk id="6" creationId="{3191CC4E-CEDA-EC38-4A32-B4048D49725B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8T13:45:08.995" v="1015" actId="1076"/>
        <pc:sldMkLst>
          <pc:docMk/>
          <pc:sldMk cId="2195866039" sldId="269"/>
        </pc:sldMkLst>
        <pc:spChg chg="mod">
          <ac:chgData name="Kelepiri, Zoi" userId="87bd0bed-c9e6-4c02-915b-1a0910482405" providerId="ADAL" clId="{0535744C-C6B1-4286-959A-D93656DE7D58}" dt="2024-04-08T13:39:51.652" v="959" actId="2711"/>
          <ac:spMkLst>
            <pc:docMk/>
            <pc:sldMk cId="2195866039" sldId="269"/>
            <ac:spMk id="2" creationId="{CCDC053F-3D23-561A-78B1-774FC1B2E646}"/>
          </ac:spMkLst>
        </pc:spChg>
        <pc:spChg chg="del">
          <ac:chgData name="Kelepiri, Zoi" userId="87bd0bed-c9e6-4c02-915b-1a0910482405" providerId="ADAL" clId="{0535744C-C6B1-4286-959A-D93656DE7D58}" dt="2024-04-06T12:45:50.796" v="439" actId="22"/>
          <ac:spMkLst>
            <pc:docMk/>
            <pc:sldMk cId="2195866039" sldId="269"/>
            <ac:spMk id="3" creationId="{47344BE3-C954-7AA8-05E3-B74CBF29A145}"/>
          </ac:spMkLst>
        </pc:spChg>
        <pc:picChg chg="add mod">
          <ac:chgData name="Kelepiri, Zoi" userId="87bd0bed-c9e6-4c02-915b-1a0910482405" providerId="ADAL" clId="{0535744C-C6B1-4286-959A-D93656DE7D58}" dt="2024-04-08T13:45:08.995" v="1015" actId="1076"/>
          <ac:picMkLst>
            <pc:docMk/>
            <pc:sldMk cId="2195866039" sldId="269"/>
            <ac:picMk id="4" creationId="{D4AC2511-969A-A189-8A11-32E2218D55C4}"/>
          </ac:picMkLst>
        </pc:picChg>
        <pc:picChg chg="add mod ord modCrop">
          <ac:chgData name="Kelepiri, Zoi" userId="87bd0bed-c9e6-4c02-915b-1a0910482405" providerId="ADAL" clId="{0535744C-C6B1-4286-959A-D93656DE7D58}" dt="2024-04-08T13:39:46.509" v="957" actId="1076"/>
          <ac:picMkLst>
            <pc:docMk/>
            <pc:sldMk cId="2195866039" sldId="269"/>
            <ac:picMk id="5" creationId="{0FE9C6FF-F908-503A-5DD8-090DF969B1BC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8T13:40:00.083" v="962" actId="1076"/>
        <pc:sldMkLst>
          <pc:docMk/>
          <pc:sldMk cId="1380530808" sldId="270"/>
        </pc:sldMkLst>
        <pc:spChg chg="mod">
          <ac:chgData name="Kelepiri, Zoi" userId="87bd0bed-c9e6-4c02-915b-1a0910482405" providerId="ADAL" clId="{0535744C-C6B1-4286-959A-D93656DE7D58}" dt="2024-04-08T13:39:57.564" v="961" actId="2711"/>
          <ac:spMkLst>
            <pc:docMk/>
            <pc:sldMk cId="1380530808" sldId="270"/>
            <ac:spMk id="2" creationId="{F39F9F48-9144-0E70-34C7-5222851B7C39}"/>
          </ac:spMkLst>
        </pc:spChg>
        <pc:spChg chg="del">
          <ac:chgData name="Kelepiri, Zoi" userId="87bd0bed-c9e6-4c02-915b-1a0910482405" providerId="ADAL" clId="{0535744C-C6B1-4286-959A-D93656DE7D58}" dt="2024-04-06T12:45:25.663" v="437" actId="22"/>
          <ac:spMkLst>
            <pc:docMk/>
            <pc:sldMk cId="1380530808" sldId="270"/>
            <ac:spMk id="3" creationId="{D6AAA5B0-26D1-5AB7-4DA8-D43B13987A44}"/>
          </ac:spMkLst>
        </pc:spChg>
        <pc:picChg chg="add mod ord">
          <ac:chgData name="Kelepiri, Zoi" userId="87bd0bed-c9e6-4c02-915b-1a0910482405" providerId="ADAL" clId="{0535744C-C6B1-4286-959A-D93656DE7D58}" dt="2024-04-08T13:40:00.083" v="962" actId="1076"/>
          <ac:picMkLst>
            <pc:docMk/>
            <pc:sldMk cId="1380530808" sldId="270"/>
            <ac:picMk id="5" creationId="{351C2C4E-F978-4F68-A191-FB5E433914BB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8T13:46:28.939" v="1024" actId="1076"/>
        <pc:sldMkLst>
          <pc:docMk/>
          <pc:sldMk cId="3937793303" sldId="271"/>
        </pc:sldMkLst>
        <pc:spChg chg="mod">
          <ac:chgData name="Kelepiri, Zoi" userId="87bd0bed-c9e6-4c02-915b-1a0910482405" providerId="ADAL" clId="{0535744C-C6B1-4286-959A-D93656DE7D58}" dt="2024-04-08T13:40:06.580" v="965" actId="2711"/>
          <ac:spMkLst>
            <pc:docMk/>
            <pc:sldMk cId="3937793303" sldId="271"/>
            <ac:spMk id="2" creationId="{8F1B8799-B9DC-B026-713C-F24182E8C992}"/>
          </ac:spMkLst>
        </pc:spChg>
        <pc:spChg chg="del mod">
          <ac:chgData name="Kelepiri, Zoi" userId="87bd0bed-c9e6-4c02-915b-1a0910482405" providerId="ADAL" clId="{0535744C-C6B1-4286-959A-D93656DE7D58}" dt="2024-04-06T12:50:03.415" v="446" actId="22"/>
          <ac:spMkLst>
            <pc:docMk/>
            <pc:sldMk cId="3937793303" sldId="271"/>
            <ac:spMk id="3" creationId="{82080A34-1684-FD67-63EC-FC97EC3D0610}"/>
          </ac:spMkLst>
        </pc:spChg>
        <pc:spChg chg="add del mod">
          <ac:chgData name="Kelepiri, Zoi" userId="87bd0bed-c9e6-4c02-915b-1a0910482405" providerId="ADAL" clId="{0535744C-C6B1-4286-959A-D93656DE7D58}" dt="2024-04-08T13:46:13.543" v="1018"/>
          <ac:spMkLst>
            <pc:docMk/>
            <pc:sldMk cId="3937793303" sldId="271"/>
            <ac:spMk id="4" creationId="{03579AD9-0984-5748-B909-8EA8FFCB8945}"/>
          </ac:spMkLst>
        </pc:spChg>
        <pc:picChg chg="add del mod ord">
          <ac:chgData name="Kelepiri, Zoi" userId="87bd0bed-c9e6-4c02-915b-1a0910482405" providerId="ADAL" clId="{0535744C-C6B1-4286-959A-D93656DE7D58}" dt="2024-04-08T13:46:12.937" v="1017" actId="478"/>
          <ac:picMkLst>
            <pc:docMk/>
            <pc:sldMk cId="3937793303" sldId="271"/>
            <ac:picMk id="5" creationId="{A92CD669-729B-6EB5-459F-2DA935E29DA9}"/>
          </ac:picMkLst>
        </pc:picChg>
        <pc:picChg chg="add mod modCrop">
          <ac:chgData name="Kelepiri, Zoi" userId="87bd0bed-c9e6-4c02-915b-1a0910482405" providerId="ADAL" clId="{0535744C-C6B1-4286-959A-D93656DE7D58}" dt="2024-04-08T13:46:28.939" v="1024" actId="1076"/>
          <ac:picMkLst>
            <pc:docMk/>
            <pc:sldMk cId="3937793303" sldId="271"/>
            <ac:picMk id="7" creationId="{04249B78-9624-F4B5-8294-0D68123D480C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8T13:45:18.402" v="1016" actId="1076"/>
        <pc:sldMkLst>
          <pc:docMk/>
          <pc:sldMk cId="3446598037" sldId="272"/>
        </pc:sldMkLst>
        <pc:spChg chg="mod">
          <ac:chgData name="Kelepiri, Zoi" userId="87bd0bed-c9e6-4c02-915b-1a0910482405" providerId="ADAL" clId="{0535744C-C6B1-4286-959A-D93656DE7D58}" dt="2024-04-08T13:40:16.801" v="968" actId="2711"/>
          <ac:spMkLst>
            <pc:docMk/>
            <pc:sldMk cId="3446598037" sldId="272"/>
            <ac:spMk id="2" creationId="{F0777527-B74C-32F1-0FEB-DA5DED94C9BA}"/>
          </ac:spMkLst>
        </pc:spChg>
        <pc:spChg chg="del mod">
          <ac:chgData name="Kelepiri, Zoi" userId="87bd0bed-c9e6-4c02-915b-1a0910482405" providerId="ADAL" clId="{0535744C-C6B1-4286-959A-D93656DE7D58}" dt="2024-04-06T12:50:54.848" v="452" actId="22"/>
          <ac:spMkLst>
            <pc:docMk/>
            <pc:sldMk cId="3446598037" sldId="272"/>
            <ac:spMk id="3" creationId="{E5AA88C2-CCD3-027B-1A56-431C2642FF77}"/>
          </ac:spMkLst>
        </pc:spChg>
        <pc:picChg chg="add mod ord">
          <ac:chgData name="Kelepiri, Zoi" userId="87bd0bed-c9e6-4c02-915b-1a0910482405" providerId="ADAL" clId="{0535744C-C6B1-4286-959A-D93656DE7D58}" dt="2024-04-08T13:45:18.402" v="1016" actId="1076"/>
          <ac:picMkLst>
            <pc:docMk/>
            <pc:sldMk cId="3446598037" sldId="272"/>
            <ac:picMk id="5" creationId="{98987808-210E-FDF9-432F-FB0C9FAFE507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9T19:38:49.124" v="13842" actId="255"/>
        <pc:sldMkLst>
          <pc:docMk/>
          <pc:sldMk cId="1626028537" sldId="273"/>
        </pc:sldMkLst>
        <pc:spChg chg="mod">
          <ac:chgData name="Kelepiri, Zoi" userId="87bd0bed-c9e6-4c02-915b-1a0910482405" providerId="ADAL" clId="{0535744C-C6B1-4286-959A-D93656DE7D58}" dt="2024-04-08T13:40:26.040" v="972" actId="2711"/>
          <ac:spMkLst>
            <pc:docMk/>
            <pc:sldMk cId="1626028537" sldId="273"/>
            <ac:spMk id="2" creationId="{4E36C8E0-D3E9-E043-360D-12062D40206F}"/>
          </ac:spMkLst>
        </pc:spChg>
        <pc:spChg chg="del">
          <ac:chgData name="Kelepiri, Zoi" userId="87bd0bed-c9e6-4c02-915b-1a0910482405" providerId="ADAL" clId="{0535744C-C6B1-4286-959A-D93656DE7D58}" dt="2024-04-06T12:51:23.218" v="454" actId="22"/>
          <ac:spMkLst>
            <pc:docMk/>
            <pc:sldMk cId="1626028537" sldId="273"/>
            <ac:spMk id="3" creationId="{4A52CC86-7FCC-FF96-386F-650262BC84BB}"/>
          </ac:spMkLst>
        </pc:spChg>
        <pc:spChg chg="add del mod">
          <ac:chgData name="Kelepiri, Zoi" userId="87bd0bed-c9e6-4c02-915b-1a0910482405" providerId="ADAL" clId="{0535744C-C6B1-4286-959A-D93656DE7D58}" dt="2024-04-08T13:47:03.186" v="1027" actId="478"/>
          <ac:spMkLst>
            <pc:docMk/>
            <pc:sldMk cId="1626028537" sldId="273"/>
            <ac:spMk id="4" creationId="{D9AA3D83-7F11-EF85-05B1-C39D47CF90D7}"/>
          </ac:spMkLst>
        </pc:spChg>
        <pc:spChg chg="add mod">
          <ac:chgData name="Kelepiri, Zoi" userId="87bd0bed-c9e6-4c02-915b-1a0910482405" providerId="ADAL" clId="{0535744C-C6B1-4286-959A-D93656DE7D58}" dt="2024-04-09T19:38:49.124" v="13842" actId="255"/>
          <ac:spMkLst>
            <pc:docMk/>
            <pc:sldMk cId="1626028537" sldId="273"/>
            <ac:spMk id="12" creationId="{C289AC7E-EC4B-8C2E-49E7-6584A3D907CC}"/>
          </ac:spMkLst>
        </pc:spChg>
        <pc:picChg chg="add del mod ord">
          <ac:chgData name="Kelepiri, Zoi" userId="87bd0bed-c9e6-4c02-915b-1a0910482405" providerId="ADAL" clId="{0535744C-C6B1-4286-959A-D93656DE7D58}" dt="2024-04-08T13:46:59.821" v="1025" actId="478"/>
          <ac:picMkLst>
            <pc:docMk/>
            <pc:sldMk cId="1626028537" sldId="273"/>
            <ac:picMk id="5" creationId="{2DA79ABA-B1E5-A28A-4FD3-830768BECEDB}"/>
          </ac:picMkLst>
        </pc:picChg>
        <pc:picChg chg="add del mod">
          <ac:chgData name="Kelepiri, Zoi" userId="87bd0bed-c9e6-4c02-915b-1a0910482405" providerId="ADAL" clId="{0535744C-C6B1-4286-959A-D93656DE7D58}" dt="2024-04-08T13:47:48.113" v="1036" actId="478"/>
          <ac:picMkLst>
            <pc:docMk/>
            <pc:sldMk cId="1626028537" sldId="273"/>
            <ac:picMk id="7" creationId="{90911245-3336-2C7F-5903-1C543AFBC6F8}"/>
          </ac:picMkLst>
        </pc:picChg>
        <pc:picChg chg="add mod modCrop">
          <ac:chgData name="Kelepiri, Zoi" userId="87bd0bed-c9e6-4c02-915b-1a0910482405" providerId="ADAL" clId="{0535744C-C6B1-4286-959A-D93656DE7D58}" dt="2024-04-09T19:36:36.552" v="13779" actId="14100"/>
          <ac:picMkLst>
            <pc:docMk/>
            <pc:sldMk cId="1626028537" sldId="273"/>
            <ac:picMk id="8" creationId="{367A9698-A740-DEDA-47FC-DF5AE8EE36BE}"/>
          </ac:picMkLst>
        </pc:picChg>
        <pc:picChg chg="add mod modCrop">
          <ac:chgData name="Kelepiri, Zoi" userId="87bd0bed-c9e6-4c02-915b-1a0910482405" providerId="ADAL" clId="{0535744C-C6B1-4286-959A-D93656DE7D58}" dt="2024-04-09T19:36:38.912" v="13780" actId="1076"/>
          <ac:picMkLst>
            <pc:docMk/>
            <pc:sldMk cId="1626028537" sldId="273"/>
            <ac:picMk id="10" creationId="{8910508C-1287-C98E-0627-9736770D5714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8T13:48:19.130" v="1047" actId="1076"/>
        <pc:sldMkLst>
          <pc:docMk/>
          <pc:sldMk cId="914230463" sldId="274"/>
        </pc:sldMkLst>
        <pc:spChg chg="mod">
          <ac:chgData name="Kelepiri, Zoi" userId="87bd0bed-c9e6-4c02-915b-1a0910482405" providerId="ADAL" clId="{0535744C-C6B1-4286-959A-D93656DE7D58}" dt="2024-04-08T13:40:33.086" v="974" actId="2711"/>
          <ac:spMkLst>
            <pc:docMk/>
            <pc:sldMk cId="914230463" sldId="274"/>
            <ac:spMk id="2" creationId="{6B2E9E3E-DEA3-9F21-129E-D4885EF48AA3}"/>
          </ac:spMkLst>
        </pc:spChg>
        <pc:spChg chg="del">
          <ac:chgData name="Kelepiri, Zoi" userId="87bd0bed-c9e6-4c02-915b-1a0910482405" providerId="ADAL" clId="{0535744C-C6B1-4286-959A-D93656DE7D58}" dt="2024-04-06T12:52:36.444" v="458" actId="22"/>
          <ac:spMkLst>
            <pc:docMk/>
            <pc:sldMk cId="914230463" sldId="274"/>
            <ac:spMk id="3" creationId="{47453DF9-EC34-145A-2772-F905F04CF3FF}"/>
          </ac:spMkLst>
        </pc:spChg>
        <pc:picChg chg="add mod ord">
          <ac:chgData name="Kelepiri, Zoi" userId="87bd0bed-c9e6-4c02-915b-1a0910482405" providerId="ADAL" clId="{0535744C-C6B1-4286-959A-D93656DE7D58}" dt="2024-04-08T13:48:10.595" v="1045" actId="1076"/>
          <ac:picMkLst>
            <pc:docMk/>
            <pc:sldMk cId="914230463" sldId="274"/>
            <ac:picMk id="5" creationId="{B3D2025F-6148-01A8-23EA-46E86C0E33E0}"/>
          </ac:picMkLst>
        </pc:picChg>
        <pc:picChg chg="add mod">
          <ac:chgData name="Kelepiri, Zoi" userId="87bd0bed-c9e6-4c02-915b-1a0910482405" providerId="ADAL" clId="{0535744C-C6B1-4286-959A-D93656DE7D58}" dt="2024-04-08T13:48:15.496" v="1046" actId="1076"/>
          <ac:picMkLst>
            <pc:docMk/>
            <pc:sldMk cId="914230463" sldId="274"/>
            <ac:picMk id="7" creationId="{5197DBD3-A4F6-90CA-C8FA-61E70311D2D2}"/>
          </ac:picMkLst>
        </pc:picChg>
        <pc:picChg chg="add mod">
          <ac:chgData name="Kelepiri, Zoi" userId="87bd0bed-c9e6-4c02-915b-1a0910482405" providerId="ADAL" clId="{0535744C-C6B1-4286-959A-D93656DE7D58}" dt="2024-04-08T13:48:19.130" v="1047" actId="1076"/>
          <ac:picMkLst>
            <pc:docMk/>
            <pc:sldMk cId="914230463" sldId="274"/>
            <ac:picMk id="9" creationId="{BD9BAC88-A1F4-FCEA-2CFB-B19F355FB5F3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9T19:39:27.566" v="13874" actId="255"/>
        <pc:sldMkLst>
          <pc:docMk/>
          <pc:sldMk cId="2536782074" sldId="275"/>
        </pc:sldMkLst>
        <pc:spChg chg="mod">
          <ac:chgData name="Kelepiri, Zoi" userId="87bd0bed-c9e6-4c02-915b-1a0910482405" providerId="ADAL" clId="{0535744C-C6B1-4286-959A-D93656DE7D58}" dt="2024-04-08T13:40:40.512" v="977" actId="2711"/>
          <ac:spMkLst>
            <pc:docMk/>
            <pc:sldMk cId="2536782074" sldId="275"/>
            <ac:spMk id="2" creationId="{6D986E5C-82BA-745D-D13B-EBE784A8B986}"/>
          </ac:spMkLst>
        </pc:spChg>
        <pc:spChg chg="del">
          <ac:chgData name="Kelepiri, Zoi" userId="87bd0bed-c9e6-4c02-915b-1a0910482405" providerId="ADAL" clId="{0535744C-C6B1-4286-959A-D93656DE7D58}" dt="2024-04-06T13:07:44.250" v="464" actId="22"/>
          <ac:spMkLst>
            <pc:docMk/>
            <pc:sldMk cId="2536782074" sldId="275"/>
            <ac:spMk id="3" creationId="{A20D3AFA-4944-397F-8A64-8C8149A75E27}"/>
          </ac:spMkLst>
        </pc:spChg>
        <pc:spChg chg="add del mod">
          <ac:chgData name="Kelepiri, Zoi" userId="87bd0bed-c9e6-4c02-915b-1a0910482405" providerId="ADAL" clId="{0535744C-C6B1-4286-959A-D93656DE7D58}" dt="2024-04-08T13:49:42.383" v="1066" actId="478"/>
          <ac:spMkLst>
            <pc:docMk/>
            <pc:sldMk cId="2536782074" sldId="275"/>
            <ac:spMk id="7" creationId="{33C3A44E-1800-BEF7-0E4D-4ABACD7DD3DD}"/>
          </ac:spMkLst>
        </pc:spChg>
        <pc:spChg chg="add mod">
          <ac:chgData name="Kelepiri, Zoi" userId="87bd0bed-c9e6-4c02-915b-1a0910482405" providerId="ADAL" clId="{0535744C-C6B1-4286-959A-D93656DE7D58}" dt="2024-04-09T19:39:27.566" v="13874" actId="255"/>
          <ac:spMkLst>
            <pc:docMk/>
            <pc:sldMk cId="2536782074" sldId="275"/>
            <ac:spMk id="12" creationId="{84A6BEB1-FE53-408D-39E1-1FC4E5180600}"/>
          </ac:spMkLst>
        </pc:spChg>
        <pc:picChg chg="add del mod modCrop">
          <ac:chgData name="Kelepiri, Zoi" userId="87bd0bed-c9e6-4c02-915b-1a0910482405" providerId="ADAL" clId="{0535744C-C6B1-4286-959A-D93656DE7D58}" dt="2024-04-08T13:49:37.867" v="1062"/>
          <ac:picMkLst>
            <pc:docMk/>
            <pc:sldMk cId="2536782074" sldId="275"/>
            <ac:picMk id="4" creationId="{E5F43E23-63AC-5F20-FCA7-6217E7C6429B}"/>
          </ac:picMkLst>
        </pc:picChg>
        <pc:picChg chg="add del mod ord">
          <ac:chgData name="Kelepiri, Zoi" userId="87bd0bed-c9e6-4c02-915b-1a0910482405" providerId="ADAL" clId="{0535744C-C6B1-4286-959A-D93656DE7D58}" dt="2024-04-08T13:49:39.148" v="1063" actId="478"/>
          <ac:picMkLst>
            <pc:docMk/>
            <pc:sldMk cId="2536782074" sldId="275"/>
            <ac:picMk id="5" creationId="{380DA91C-7E2F-2480-805D-5B19057629C7}"/>
          </ac:picMkLst>
        </pc:picChg>
        <pc:picChg chg="add del mod">
          <ac:chgData name="Kelepiri, Zoi" userId="87bd0bed-c9e6-4c02-915b-1a0910482405" providerId="ADAL" clId="{0535744C-C6B1-4286-959A-D93656DE7D58}" dt="2024-04-08T13:49:43.635" v="1067" actId="478"/>
          <ac:picMkLst>
            <pc:docMk/>
            <pc:sldMk cId="2536782074" sldId="275"/>
            <ac:picMk id="8" creationId="{EDE49AF4-1C14-9B0C-FA0F-4A80AD40444D}"/>
          </ac:picMkLst>
        </pc:picChg>
        <pc:picChg chg="add mod modCrop">
          <ac:chgData name="Kelepiri, Zoi" userId="87bd0bed-c9e6-4c02-915b-1a0910482405" providerId="ADAL" clId="{0535744C-C6B1-4286-959A-D93656DE7D58}" dt="2024-04-08T13:50:06.244" v="1077" actId="1076"/>
          <ac:picMkLst>
            <pc:docMk/>
            <pc:sldMk cId="2536782074" sldId="275"/>
            <ac:picMk id="10" creationId="{D26928C9-7184-97EF-BD6C-6342B1F75BC2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8T13:40:48.538" v="980" actId="2711"/>
        <pc:sldMkLst>
          <pc:docMk/>
          <pc:sldMk cId="2437189549" sldId="276"/>
        </pc:sldMkLst>
        <pc:spChg chg="mod">
          <ac:chgData name="Kelepiri, Zoi" userId="87bd0bed-c9e6-4c02-915b-1a0910482405" providerId="ADAL" clId="{0535744C-C6B1-4286-959A-D93656DE7D58}" dt="2024-04-08T13:40:48.538" v="980" actId="2711"/>
          <ac:spMkLst>
            <pc:docMk/>
            <pc:sldMk cId="2437189549" sldId="276"/>
            <ac:spMk id="2" creationId="{AE8AB7C0-A177-D466-61E9-A1AC455BCD1B}"/>
          </ac:spMkLst>
        </pc:spChg>
        <pc:spChg chg="del">
          <ac:chgData name="Kelepiri, Zoi" userId="87bd0bed-c9e6-4c02-915b-1a0910482405" providerId="ADAL" clId="{0535744C-C6B1-4286-959A-D93656DE7D58}" dt="2024-04-06T13:08:30.171" v="466" actId="22"/>
          <ac:spMkLst>
            <pc:docMk/>
            <pc:sldMk cId="2437189549" sldId="276"/>
            <ac:spMk id="3" creationId="{EF904031-71D0-2861-32C7-B9E60EB91BC7}"/>
          </ac:spMkLst>
        </pc:spChg>
        <pc:picChg chg="add mod">
          <ac:chgData name="Kelepiri, Zoi" userId="87bd0bed-c9e6-4c02-915b-1a0910482405" providerId="ADAL" clId="{0535744C-C6B1-4286-959A-D93656DE7D58}" dt="2024-04-08T13:25:34.982" v="921" actId="1076"/>
          <ac:picMkLst>
            <pc:docMk/>
            <pc:sldMk cId="2437189549" sldId="276"/>
            <ac:picMk id="3" creationId="{6E344FE6-E229-45BC-FBAD-49390AF5F1C6}"/>
          </ac:picMkLst>
        </pc:picChg>
        <pc:picChg chg="add mod ord">
          <ac:chgData name="Kelepiri, Zoi" userId="87bd0bed-c9e6-4c02-915b-1a0910482405" providerId="ADAL" clId="{0535744C-C6B1-4286-959A-D93656DE7D58}" dt="2024-04-08T13:40:43.265" v="978" actId="1076"/>
          <ac:picMkLst>
            <pc:docMk/>
            <pc:sldMk cId="2437189549" sldId="276"/>
            <ac:picMk id="5" creationId="{51A74F7F-E7C8-E5B2-EC56-5B2216CD1B6F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8T13:51:50.264" v="1098" actId="1076"/>
        <pc:sldMkLst>
          <pc:docMk/>
          <pc:sldMk cId="2668867574" sldId="277"/>
        </pc:sldMkLst>
        <pc:spChg chg="mod">
          <ac:chgData name="Kelepiri, Zoi" userId="87bd0bed-c9e6-4c02-915b-1a0910482405" providerId="ADAL" clId="{0535744C-C6B1-4286-959A-D93656DE7D58}" dt="2024-04-08T13:41:00.336" v="984" actId="2711"/>
          <ac:spMkLst>
            <pc:docMk/>
            <pc:sldMk cId="2668867574" sldId="277"/>
            <ac:spMk id="2" creationId="{CD8F67AF-E6C3-B433-0BC6-5889854BC6F3}"/>
          </ac:spMkLst>
        </pc:spChg>
        <pc:spChg chg="del">
          <ac:chgData name="Kelepiri, Zoi" userId="87bd0bed-c9e6-4c02-915b-1a0910482405" providerId="ADAL" clId="{0535744C-C6B1-4286-959A-D93656DE7D58}" dt="2024-04-06T13:09:50.539" v="471" actId="22"/>
          <ac:spMkLst>
            <pc:docMk/>
            <pc:sldMk cId="2668867574" sldId="277"/>
            <ac:spMk id="3" creationId="{8F748354-58FF-E78D-FD4A-09AF9CD7D29E}"/>
          </ac:spMkLst>
        </pc:spChg>
        <pc:spChg chg="add del mod">
          <ac:chgData name="Kelepiri, Zoi" userId="87bd0bed-c9e6-4c02-915b-1a0910482405" providerId="ADAL" clId="{0535744C-C6B1-4286-959A-D93656DE7D58}" dt="2024-04-08T13:50:57.933" v="1081" actId="478"/>
          <ac:spMkLst>
            <pc:docMk/>
            <pc:sldMk cId="2668867574" sldId="277"/>
            <ac:spMk id="4" creationId="{F640453E-A5C7-6FE5-55CD-FA89DAD64D2D}"/>
          </ac:spMkLst>
        </pc:spChg>
        <pc:picChg chg="add del mod ord">
          <ac:chgData name="Kelepiri, Zoi" userId="87bd0bed-c9e6-4c02-915b-1a0910482405" providerId="ADAL" clId="{0535744C-C6B1-4286-959A-D93656DE7D58}" dt="2024-04-08T13:50:54.793" v="1079" actId="478"/>
          <ac:picMkLst>
            <pc:docMk/>
            <pc:sldMk cId="2668867574" sldId="277"/>
            <ac:picMk id="5" creationId="{534E5250-7149-D261-6C92-A2EB46E6AA06}"/>
          </ac:picMkLst>
        </pc:picChg>
        <pc:picChg chg="add del mod">
          <ac:chgData name="Kelepiri, Zoi" userId="87bd0bed-c9e6-4c02-915b-1a0910482405" providerId="ADAL" clId="{0535744C-C6B1-4286-959A-D93656DE7D58}" dt="2024-04-08T13:51:32.493" v="1090" actId="478"/>
          <ac:picMkLst>
            <pc:docMk/>
            <pc:sldMk cId="2668867574" sldId="277"/>
            <ac:picMk id="7" creationId="{3BE6ACE0-8F37-7122-1A8F-D99172D2B0E1}"/>
          </ac:picMkLst>
        </pc:picChg>
        <pc:picChg chg="add mod modCrop">
          <ac:chgData name="Kelepiri, Zoi" userId="87bd0bed-c9e6-4c02-915b-1a0910482405" providerId="ADAL" clId="{0535744C-C6B1-4286-959A-D93656DE7D58}" dt="2024-04-08T13:51:14.739" v="1089" actId="1076"/>
          <ac:picMkLst>
            <pc:docMk/>
            <pc:sldMk cId="2668867574" sldId="277"/>
            <ac:picMk id="8" creationId="{D32133BF-150F-8AA8-0C30-5E2764CFB29D}"/>
          </ac:picMkLst>
        </pc:picChg>
        <pc:picChg chg="add mod modCrop">
          <ac:chgData name="Kelepiri, Zoi" userId="87bd0bed-c9e6-4c02-915b-1a0910482405" providerId="ADAL" clId="{0535744C-C6B1-4286-959A-D93656DE7D58}" dt="2024-04-08T13:51:50.264" v="1098" actId="1076"/>
          <ac:picMkLst>
            <pc:docMk/>
            <pc:sldMk cId="2668867574" sldId="277"/>
            <ac:picMk id="10" creationId="{2F3E36CE-F491-EABE-86F8-F380A67B6446}"/>
          </ac:picMkLst>
        </pc:picChg>
      </pc:sldChg>
      <pc:sldChg chg="addSp delSp modSp mod">
        <pc:chgData name="Kelepiri, Zoi" userId="87bd0bed-c9e6-4c02-915b-1a0910482405" providerId="ADAL" clId="{0535744C-C6B1-4286-959A-D93656DE7D58}" dt="2024-04-09T12:31:11.890" v="4739" actId="1076"/>
        <pc:sldMkLst>
          <pc:docMk/>
          <pc:sldMk cId="2177469394" sldId="278"/>
        </pc:sldMkLst>
        <pc:spChg chg="mod">
          <ac:chgData name="Kelepiri, Zoi" userId="87bd0bed-c9e6-4c02-915b-1a0910482405" providerId="ADAL" clId="{0535744C-C6B1-4286-959A-D93656DE7D58}" dt="2024-04-08T13:41:06.320" v="987" actId="2711"/>
          <ac:spMkLst>
            <pc:docMk/>
            <pc:sldMk cId="2177469394" sldId="278"/>
            <ac:spMk id="2" creationId="{1623D5FC-4CE6-FC8B-0A4C-F018F1AB692B}"/>
          </ac:spMkLst>
        </pc:spChg>
        <pc:spChg chg="del">
          <ac:chgData name="Kelepiri, Zoi" userId="87bd0bed-c9e6-4c02-915b-1a0910482405" providerId="ADAL" clId="{0535744C-C6B1-4286-959A-D93656DE7D58}" dt="2024-04-06T13:08:58.860" v="468" actId="22"/>
          <ac:spMkLst>
            <pc:docMk/>
            <pc:sldMk cId="2177469394" sldId="278"/>
            <ac:spMk id="3" creationId="{C7464A82-8AB6-F64C-4646-F5638E6A432C}"/>
          </ac:spMkLst>
        </pc:spChg>
        <pc:picChg chg="add mod">
          <ac:chgData name="Kelepiri, Zoi" userId="87bd0bed-c9e6-4c02-915b-1a0910482405" providerId="ADAL" clId="{0535744C-C6B1-4286-959A-D93656DE7D58}" dt="2024-04-09T12:31:11.890" v="4739" actId="1076"/>
          <ac:picMkLst>
            <pc:docMk/>
            <pc:sldMk cId="2177469394" sldId="278"/>
            <ac:picMk id="4" creationId="{F915BE7D-2CC2-73D0-902E-B61AEFD3FD58}"/>
          </ac:picMkLst>
        </pc:picChg>
        <pc:picChg chg="add mod ord modCrop">
          <ac:chgData name="Kelepiri, Zoi" userId="87bd0bed-c9e6-4c02-915b-1a0910482405" providerId="ADAL" clId="{0535744C-C6B1-4286-959A-D93656DE7D58}" dt="2024-04-08T13:50:15.058" v="1078" actId="1076"/>
          <ac:picMkLst>
            <pc:docMk/>
            <pc:sldMk cId="2177469394" sldId="278"/>
            <ac:picMk id="5" creationId="{1BD0D1F7-EAA7-7EDF-24C5-9EAAD7A50FBA}"/>
          </ac:picMkLst>
        </pc:picChg>
      </pc:sldChg>
      <pc:sldChg chg="addSp delSp modSp mod modClrScheme chgLayout">
        <pc:chgData name="Kelepiri, Zoi" userId="87bd0bed-c9e6-4c02-915b-1a0910482405" providerId="ADAL" clId="{0535744C-C6B1-4286-959A-D93656DE7D58}" dt="2024-04-08T13:57:21.839" v="1101" actId="1076"/>
        <pc:sldMkLst>
          <pc:docMk/>
          <pc:sldMk cId="668620421" sldId="279"/>
        </pc:sldMkLst>
        <pc:spChg chg="del mod ord">
          <ac:chgData name="Kelepiri, Zoi" userId="87bd0bed-c9e6-4c02-915b-1a0910482405" providerId="ADAL" clId="{0535744C-C6B1-4286-959A-D93656DE7D58}" dt="2024-04-06T09:28:31.370" v="21" actId="700"/>
          <ac:spMkLst>
            <pc:docMk/>
            <pc:sldMk cId="668620421" sldId="279"/>
            <ac:spMk id="2" creationId="{02D2E613-D7C7-CE09-2EDB-ED6181CC3AC5}"/>
          </ac:spMkLst>
        </pc:spChg>
        <pc:spChg chg="del mod ord">
          <ac:chgData name="Kelepiri, Zoi" userId="87bd0bed-c9e6-4c02-915b-1a0910482405" providerId="ADAL" clId="{0535744C-C6B1-4286-959A-D93656DE7D58}" dt="2024-04-06T09:28:31.370" v="21" actId="700"/>
          <ac:spMkLst>
            <pc:docMk/>
            <pc:sldMk cId="668620421" sldId="279"/>
            <ac:spMk id="3" creationId="{0AB7494C-8A44-95F3-BE69-C75FE1D78ADB}"/>
          </ac:spMkLst>
        </pc:spChg>
        <pc:spChg chg="add mod ord">
          <ac:chgData name="Kelepiri, Zoi" userId="87bd0bed-c9e6-4c02-915b-1a0910482405" providerId="ADAL" clId="{0535744C-C6B1-4286-959A-D93656DE7D58}" dt="2024-04-08T13:57:21.839" v="1101" actId="1076"/>
          <ac:spMkLst>
            <pc:docMk/>
            <pc:sldMk cId="668620421" sldId="279"/>
            <ac:spMk id="4" creationId="{C70D78DE-ADC7-523F-18F5-7DF9E5F5189F}"/>
          </ac:spMkLst>
        </pc:spChg>
        <pc:spChg chg="add del mod ord">
          <ac:chgData name="Kelepiri, Zoi" userId="87bd0bed-c9e6-4c02-915b-1a0910482405" providerId="ADAL" clId="{0535744C-C6B1-4286-959A-D93656DE7D58}" dt="2024-04-06T09:28:44.239" v="42" actId="478"/>
          <ac:spMkLst>
            <pc:docMk/>
            <pc:sldMk cId="668620421" sldId="279"/>
            <ac:spMk id="5" creationId="{A5EE8E7D-F5FA-D5D2-A390-EEC513A76919}"/>
          </ac:spMkLst>
        </pc:spChg>
      </pc:sldChg>
      <pc:sldChg chg="addSp delSp modSp mod modClrScheme chgLayout">
        <pc:chgData name="Kelepiri, Zoi" userId="87bd0bed-c9e6-4c02-915b-1a0910482405" providerId="ADAL" clId="{0535744C-C6B1-4286-959A-D93656DE7D58}" dt="2024-04-10T08:23:01.874" v="13969" actId="255"/>
        <pc:sldMkLst>
          <pc:docMk/>
          <pc:sldMk cId="357487322" sldId="280"/>
        </pc:sldMkLst>
        <pc:spChg chg="mod ord">
          <ac:chgData name="Kelepiri, Zoi" userId="87bd0bed-c9e6-4c02-915b-1a0910482405" providerId="ADAL" clId="{0535744C-C6B1-4286-959A-D93656DE7D58}" dt="2024-04-09T19:43:38.292" v="13923" actId="1076"/>
          <ac:spMkLst>
            <pc:docMk/>
            <pc:sldMk cId="357487322" sldId="280"/>
            <ac:spMk id="2" creationId="{CD502B49-A7BE-6ABD-2991-938AFB0BD46D}"/>
          </ac:spMkLst>
        </pc:spChg>
        <pc:spChg chg="del">
          <ac:chgData name="Kelepiri, Zoi" userId="87bd0bed-c9e6-4c02-915b-1a0910482405" providerId="ADAL" clId="{0535744C-C6B1-4286-959A-D93656DE7D58}" dt="2024-04-06T14:39:44.824" v="669"/>
          <ac:spMkLst>
            <pc:docMk/>
            <pc:sldMk cId="357487322" sldId="280"/>
            <ac:spMk id="3" creationId="{72EB40FA-B31C-C1A5-9DA3-53E991176F9F}"/>
          </ac:spMkLst>
        </pc:spChg>
        <pc:spChg chg="add del mod">
          <ac:chgData name="Kelepiri, Zoi" userId="87bd0bed-c9e6-4c02-915b-1a0910482405" providerId="ADAL" clId="{0535744C-C6B1-4286-959A-D93656DE7D58}" dt="2024-04-08T18:00:39.211" v="1140" actId="478"/>
          <ac:spMkLst>
            <pc:docMk/>
            <pc:sldMk cId="357487322" sldId="280"/>
            <ac:spMk id="7" creationId="{35E5B605-D3C2-D2F2-1D8E-8747E10E5915}"/>
          </ac:spMkLst>
        </pc:spChg>
        <pc:spChg chg="add mod">
          <ac:chgData name="Kelepiri, Zoi" userId="87bd0bed-c9e6-4c02-915b-1a0910482405" providerId="ADAL" clId="{0535744C-C6B1-4286-959A-D93656DE7D58}" dt="2024-04-10T08:23:01.874" v="13969" actId="255"/>
          <ac:spMkLst>
            <pc:docMk/>
            <pc:sldMk cId="357487322" sldId="280"/>
            <ac:spMk id="10" creationId="{2EAF8E39-242F-9818-6DD9-D99AE8DA34D5}"/>
          </ac:spMkLst>
        </pc:spChg>
        <pc:spChg chg="add mod">
          <ac:chgData name="Kelepiri, Zoi" userId="87bd0bed-c9e6-4c02-915b-1a0910482405" providerId="ADAL" clId="{0535744C-C6B1-4286-959A-D93656DE7D58}" dt="2024-04-09T19:40:17.717" v="13881" actId="14100"/>
          <ac:spMkLst>
            <pc:docMk/>
            <pc:sldMk cId="357487322" sldId="280"/>
            <ac:spMk id="17" creationId="{69E4FF58-86B6-22E8-9A63-C9D9FAF568DE}"/>
          </ac:spMkLst>
        </pc:spChg>
        <pc:spChg chg="add del mod">
          <ac:chgData name="Kelepiri, Zoi" userId="87bd0bed-c9e6-4c02-915b-1a0910482405" providerId="ADAL" clId="{0535744C-C6B1-4286-959A-D93656DE7D58}" dt="2024-04-09T13:11:01.044" v="5077" actId="21"/>
          <ac:spMkLst>
            <pc:docMk/>
            <pc:sldMk cId="357487322" sldId="280"/>
            <ac:spMk id="24" creationId="{7E4DD987-78D3-6746-32E3-F2D4264B08EE}"/>
          </ac:spMkLst>
        </pc:spChg>
        <pc:spChg chg="add mod">
          <ac:chgData name="Kelepiri, Zoi" userId="87bd0bed-c9e6-4c02-915b-1a0910482405" providerId="ADAL" clId="{0535744C-C6B1-4286-959A-D93656DE7D58}" dt="2024-04-09T19:43:46.232" v="13927" actId="255"/>
          <ac:spMkLst>
            <pc:docMk/>
            <pc:sldMk cId="357487322" sldId="280"/>
            <ac:spMk id="25" creationId="{D50EF902-D85C-9FFE-0E71-8AB7031B7019}"/>
          </ac:spMkLst>
        </pc:spChg>
        <pc:spChg chg="add mod">
          <ac:chgData name="Kelepiri, Zoi" userId="87bd0bed-c9e6-4c02-915b-1a0910482405" providerId="ADAL" clId="{0535744C-C6B1-4286-959A-D93656DE7D58}" dt="2024-04-09T19:40:10.476" v="13878" actId="113"/>
          <ac:spMkLst>
            <pc:docMk/>
            <pc:sldMk cId="357487322" sldId="280"/>
            <ac:spMk id="26" creationId="{C1CFE893-E855-5E68-81F7-9657DEE05F8E}"/>
          </ac:spMkLst>
        </pc:spChg>
        <pc:spChg chg="add del mod">
          <ac:chgData name="Kelepiri, Zoi" userId="87bd0bed-c9e6-4c02-915b-1a0910482405" providerId="ADAL" clId="{0535744C-C6B1-4286-959A-D93656DE7D58}" dt="2024-04-09T13:11:24.520" v="5088" actId="21"/>
          <ac:spMkLst>
            <pc:docMk/>
            <pc:sldMk cId="357487322" sldId="280"/>
            <ac:spMk id="27" creationId="{05ACA135-8BC5-0A44-CB48-FF177890F3CB}"/>
          </ac:spMkLst>
        </pc:spChg>
        <pc:spChg chg="add del mod ord">
          <ac:chgData name="Kelepiri, Zoi" userId="87bd0bed-c9e6-4c02-915b-1a0910482405" providerId="ADAL" clId="{0535744C-C6B1-4286-959A-D93656DE7D58}" dt="2024-04-08T19:27:02.858" v="2079" actId="478"/>
          <ac:spMkLst>
            <pc:docMk/>
            <pc:sldMk cId="357487322" sldId="280"/>
            <ac:spMk id="28" creationId="{16C9419D-39C8-3707-8C28-27692E353C6E}"/>
          </ac:spMkLst>
        </pc:spChg>
        <pc:spChg chg="add del mod ord">
          <ac:chgData name="Kelepiri, Zoi" userId="87bd0bed-c9e6-4c02-915b-1a0910482405" providerId="ADAL" clId="{0535744C-C6B1-4286-959A-D93656DE7D58}" dt="2024-04-08T19:27:11.587" v="2082" actId="478"/>
          <ac:spMkLst>
            <pc:docMk/>
            <pc:sldMk cId="357487322" sldId="280"/>
            <ac:spMk id="29" creationId="{63E478BC-3664-D86D-79CC-DB46DD7AB250}"/>
          </ac:spMkLst>
        </pc:spChg>
        <pc:spChg chg="add del mod">
          <ac:chgData name="Kelepiri, Zoi" userId="87bd0bed-c9e6-4c02-915b-1a0910482405" providerId="ADAL" clId="{0535744C-C6B1-4286-959A-D93656DE7D58}" dt="2024-04-09T10:30:49.457" v="2470"/>
          <ac:spMkLst>
            <pc:docMk/>
            <pc:sldMk cId="357487322" sldId="280"/>
            <ac:spMk id="34" creationId="{94054818-0036-FCCB-C621-C71DA50365A9}"/>
          </ac:spMkLst>
        </pc:spChg>
        <pc:spChg chg="add del mod">
          <ac:chgData name="Kelepiri, Zoi" userId="87bd0bed-c9e6-4c02-915b-1a0910482405" providerId="ADAL" clId="{0535744C-C6B1-4286-959A-D93656DE7D58}" dt="2024-04-09T10:30:53.025" v="2472" actId="478"/>
          <ac:spMkLst>
            <pc:docMk/>
            <pc:sldMk cId="357487322" sldId="280"/>
            <ac:spMk id="35" creationId="{0F68BF10-E3D9-89F8-05B3-DFB63455DB39}"/>
          </ac:spMkLst>
        </pc:spChg>
        <pc:spChg chg="add mod">
          <ac:chgData name="Kelepiri, Zoi" userId="87bd0bed-c9e6-4c02-915b-1a0910482405" providerId="ADAL" clId="{0535744C-C6B1-4286-959A-D93656DE7D58}" dt="2024-04-09T14:18:48.060" v="6855" actId="20577"/>
          <ac:spMkLst>
            <pc:docMk/>
            <pc:sldMk cId="357487322" sldId="280"/>
            <ac:spMk id="37" creationId="{3C73F7D4-18D9-7329-7338-08715045210C}"/>
          </ac:spMkLst>
        </pc:spChg>
        <pc:spChg chg="add mod">
          <ac:chgData name="Kelepiri, Zoi" userId="87bd0bed-c9e6-4c02-915b-1a0910482405" providerId="ADAL" clId="{0535744C-C6B1-4286-959A-D93656DE7D58}" dt="2024-04-09T19:43:33.592" v="13921" actId="1076"/>
          <ac:spMkLst>
            <pc:docMk/>
            <pc:sldMk cId="357487322" sldId="280"/>
            <ac:spMk id="38" creationId="{B8F841A5-9C29-4F5B-8B18-27C51C213662}"/>
          </ac:spMkLst>
        </pc:spChg>
        <pc:picChg chg="add del mod">
          <ac:chgData name="Kelepiri, Zoi" userId="87bd0bed-c9e6-4c02-915b-1a0910482405" providerId="ADAL" clId="{0535744C-C6B1-4286-959A-D93656DE7D58}" dt="2024-04-08T18:00:33.416" v="1138" actId="478"/>
          <ac:picMkLst>
            <pc:docMk/>
            <pc:sldMk cId="357487322" sldId="280"/>
            <ac:picMk id="4" creationId="{CA5F3E1D-CB23-8119-727A-269E9B941D39}"/>
          </ac:picMkLst>
        </pc:picChg>
        <pc:picChg chg="add del mod">
          <ac:chgData name="Kelepiri, Zoi" userId="87bd0bed-c9e6-4c02-915b-1a0910482405" providerId="ADAL" clId="{0535744C-C6B1-4286-959A-D93656DE7D58}" dt="2024-04-08T18:09:10.819" v="1178" actId="478"/>
          <ac:picMkLst>
            <pc:docMk/>
            <pc:sldMk cId="357487322" sldId="280"/>
            <ac:picMk id="5" creationId="{731168E3-8322-A985-C134-49649179EFA7}"/>
          </ac:picMkLst>
        </pc:picChg>
        <pc:picChg chg="add del mod">
          <ac:chgData name="Kelepiri, Zoi" userId="87bd0bed-c9e6-4c02-915b-1a0910482405" providerId="ADAL" clId="{0535744C-C6B1-4286-959A-D93656DE7D58}" dt="2024-04-08T19:58:16.157" v="2281" actId="478"/>
          <ac:picMkLst>
            <pc:docMk/>
            <pc:sldMk cId="357487322" sldId="280"/>
            <ac:picMk id="9" creationId="{83719D8F-73D1-CF2C-42C8-66562F7354AA}"/>
          </ac:picMkLst>
        </pc:picChg>
        <pc:picChg chg="add del mod">
          <ac:chgData name="Kelepiri, Zoi" userId="87bd0bed-c9e6-4c02-915b-1a0910482405" providerId="ADAL" clId="{0535744C-C6B1-4286-959A-D93656DE7D58}" dt="2024-04-08T18:14:10.873" v="1224" actId="21"/>
          <ac:picMkLst>
            <pc:docMk/>
            <pc:sldMk cId="357487322" sldId="280"/>
            <ac:picMk id="12" creationId="{60279264-D71E-7E97-3E16-9C6841BBB62C}"/>
          </ac:picMkLst>
        </pc:picChg>
        <pc:picChg chg="add mod">
          <ac:chgData name="Kelepiri, Zoi" userId="87bd0bed-c9e6-4c02-915b-1a0910482405" providerId="ADAL" clId="{0535744C-C6B1-4286-959A-D93656DE7D58}" dt="2024-04-09T13:11:32.766" v="5091" actId="1076"/>
          <ac:picMkLst>
            <pc:docMk/>
            <pc:sldMk cId="357487322" sldId="280"/>
            <ac:picMk id="14" creationId="{018E0563-177F-3573-C763-FA26EAC81A1D}"/>
          </ac:picMkLst>
        </pc:picChg>
        <pc:picChg chg="add mod">
          <ac:chgData name="Kelepiri, Zoi" userId="87bd0bed-c9e6-4c02-915b-1a0910482405" providerId="ADAL" clId="{0535744C-C6B1-4286-959A-D93656DE7D58}" dt="2024-04-09T13:11:35.373" v="5092" actId="1076"/>
          <ac:picMkLst>
            <pc:docMk/>
            <pc:sldMk cId="357487322" sldId="280"/>
            <ac:picMk id="16" creationId="{50F5FD57-B2EE-CC42-88EB-6E5BD4D3CDC3}"/>
          </ac:picMkLst>
        </pc:picChg>
        <pc:picChg chg="add del mod">
          <ac:chgData name="Kelepiri, Zoi" userId="87bd0bed-c9e6-4c02-915b-1a0910482405" providerId="ADAL" clId="{0535744C-C6B1-4286-959A-D93656DE7D58}" dt="2024-04-09T13:11:14.802" v="5084" actId="21"/>
          <ac:picMkLst>
            <pc:docMk/>
            <pc:sldMk cId="357487322" sldId="280"/>
            <ac:picMk id="19" creationId="{D26D96F1-2C47-8146-852E-4D813ADD8E24}"/>
          </ac:picMkLst>
        </pc:picChg>
        <pc:picChg chg="add del mod">
          <ac:chgData name="Kelepiri, Zoi" userId="87bd0bed-c9e6-4c02-915b-1a0910482405" providerId="ADAL" clId="{0535744C-C6B1-4286-959A-D93656DE7D58}" dt="2024-04-09T13:11:18.879" v="5086" actId="21"/>
          <ac:picMkLst>
            <pc:docMk/>
            <pc:sldMk cId="357487322" sldId="280"/>
            <ac:picMk id="21" creationId="{1EA6BA52-5BE9-9C99-FCFA-13AA76C6688A}"/>
          </ac:picMkLst>
        </pc:picChg>
        <pc:picChg chg="add del">
          <ac:chgData name="Kelepiri, Zoi" userId="87bd0bed-c9e6-4c02-915b-1a0910482405" providerId="ADAL" clId="{0535744C-C6B1-4286-959A-D93656DE7D58}" dt="2024-04-08T18:12:55.026" v="1203" actId="22"/>
          <ac:picMkLst>
            <pc:docMk/>
            <pc:sldMk cId="357487322" sldId="280"/>
            <ac:picMk id="23" creationId="{965CFB98-51DE-6B89-F393-7D2D26D061E3}"/>
          </ac:picMkLst>
        </pc:picChg>
        <pc:picChg chg="add mod">
          <ac:chgData name="Kelepiri, Zoi" userId="87bd0bed-c9e6-4c02-915b-1a0910482405" providerId="ADAL" clId="{0535744C-C6B1-4286-959A-D93656DE7D58}" dt="2024-04-09T19:43:43.411" v="13926" actId="1076"/>
          <ac:picMkLst>
            <pc:docMk/>
            <pc:sldMk cId="357487322" sldId="280"/>
            <ac:picMk id="31" creationId="{E4D59591-8703-E984-42C3-D5C011581F57}"/>
          </ac:picMkLst>
        </pc:picChg>
        <pc:picChg chg="add mod">
          <ac:chgData name="Kelepiri, Zoi" userId="87bd0bed-c9e6-4c02-915b-1a0910482405" providerId="ADAL" clId="{0535744C-C6B1-4286-959A-D93656DE7D58}" dt="2024-04-09T19:43:34.782" v="13922" actId="1076"/>
          <ac:picMkLst>
            <pc:docMk/>
            <pc:sldMk cId="357487322" sldId="280"/>
            <ac:picMk id="33" creationId="{B078C0F4-BAF0-038D-9594-8A02EED98587}"/>
          </ac:picMkLst>
        </pc:picChg>
      </pc:sldChg>
      <pc:sldChg chg="addSp delSp modSp mod">
        <pc:chgData name="Kelepiri, Zoi" userId="87bd0bed-c9e6-4c02-915b-1a0910482405" providerId="ADAL" clId="{0535744C-C6B1-4286-959A-D93656DE7D58}" dt="2024-04-10T08:23:40.077" v="13974" actId="255"/>
        <pc:sldMkLst>
          <pc:docMk/>
          <pc:sldMk cId="3407662654" sldId="281"/>
        </pc:sldMkLst>
        <pc:spChg chg="mod">
          <ac:chgData name="Kelepiri, Zoi" userId="87bd0bed-c9e6-4c02-915b-1a0910482405" providerId="ADAL" clId="{0535744C-C6B1-4286-959A-D93656DE7D58}" dt="2024-04-08T13:41:26.081" v="989" actId="2711"/>
          <ac:spMkLst>
            <pc:docMk/>
            <pc:sldMk cId="3407662654" sldId="281"/>
            <ac:spMk id="2" creationId="{4C547362-08F4-D99C-5EC9-AF07B835B322}"/>
          </ac:spMkLst>
        </pc:spChg>
        <pc:spChg chg="del">
          <ac:chgData name="Kelepiri, Zoi" userId="87bd0bed-c9e6-4c02-915b-1a0910482405" providerId="ADAL" clId="{0535744C-C6B1-4286-959A-D93656DE7D58}" dt="2024-04-06T14:38:51.377" v="666"/>
          <ac:spMkLst>
            <pc:docMk/>
            <pc:sldMk cId="3407662654" sldId="281"/>
            <ac:spMk id="3" creationId="{A8518BDE-005A-4785-3238-142D6E17D9A7}"/>
          </ac:spMkLst>
        </pc:spChg>
        <pc:spChg chg="add mod">
          <ac:chgData name="Kelepiri, Zoi" userId="87bd0bed-c9e6-4c02-915b-1a0910482405" providerId="ADAL" clId="{0535744C-C6B1-4286-959A-D93656DE7D58}" dt="2024-04-09T19:43:57.105" v="13928" actId="113"/>
          <ac:spMkLst>
            <pc:docMk/>
            <pc:sldMk cId="3407662654" sldId="281"/>
            <ac:spMk id="11" creationId="{F1200D35-3DCB-0671-4FE2-84B961867DCB}"/>
          </ac:spMkLst>
        </pc:spChg>
        <pc:spChg chg="add mod">
          <ac:chgData name="Kelepiri, Zoi" userId="87bd0bed-c9e6-4c02-915b-1a0910482405" providerId="ADAL" clId="{0535744C-C6B1-4286-959A-D93656DE7D58}" dt="2024-04-09T19:43:59.526" v="13929" actId="113"/>
          <ac:spMkLst>
            <pc:docMk/>
            <pc:sldMk cId="3407662654" sldId="281"/>
            <ac:spMk id="12" creationId="{0D476718-2E21-4EBD-2756-3198A33D1546}"/>
          </ac:spMkLst>
        </pc:spChg>
        <pc:spChg chg="add mod">
          <ac:chgData name="Kelepiri, Zoi" userId="87bd0bed-c9e6-4c02-915b-1a0910482405" providerId="ADAL" clId="{0535744C-C6B1-4286-959A-D93656DE7D58}" dt="2024-04-09T19:44:02.424" v="13930" actId="113"/>
          <ac:spMkLst>
            <pc:docMk/>
            <pc:sldMk cId="3407662654" sldId="281"/>
            <ac:spMk id="13" creationId="{212757D6-3AFC-A94C-31B4-EAFE4A787646}"/>
          </ac:spMkLst>
        </pc:spChg>
        <pc:spChg chg="add del mod">
          <ac:chgData name="Kelepiri, Zoi" userId="87bd0bed-c9e6-4c02-915b-1a0910482405" providerId="ADAL" clId="{0535744C-C6B1-4286-959A-D93656DE7D58}" dt="2024-04-08T19:50:04.278" v="2270" actId="478"/>
          <ac:spMkLst>
            <pc:docMk/>
            <pc:sldMk cId="3407662654" sldId="281"/>
            <ac:spMk id="14" creationId="{3EF8AD35-90A0-C128-2EDD-E3F04CA182B6}"/>
          </ac:spMkLst>
        </pc:spChg>
        <pc:spChg chg="add mod">
          <ac:chgData name="Kelepiri, Zoi" userId="87bd0bed-c9e6-4c02-915b-1a0910482405" providerId="ADAL" clId="{0535744C-C6B1-4286-959A-D93656DE7D58}" dt="2024-04-10T08:23:40.077" v="13974" actId="255"/>
          <ac:spMkLst>
            <pc:docMk/>
            <pc:sldMk cId="3407662654" sldId="281"/>
            <ac:spMk id="15" creationId="{01A76A28-ECC8-548D-FC62-7357E353BB80}"/>
          </ac:spMkLst>
        </pc:spChg>
        <pc:spChg chg="add del">
          <ac:chgData name="Kelepiri, Zoi" userId="87bd0bed-c9e6-4c02-915b-1a0910482405" providerId="ADAL" clId="{0535744C-C6B1-4286-959A-D93656DE7D58}" dt="2024-04-08T19:53:49.242" v="2272" actId="22"/>
          <ac:spMkLst>
            <pc:docMk/>
            <pc:sldMk cId="3407662654" sldId="281"/>
            <ac:spMk id="17" creationId="{40A1DF50-DACF-7FBE-A347-665581ABEDB8}"/>
          </ac:spMkLst>
        </pc:spChg>
        <pc:spChg chg="add mod">
          <ac:chgData name="Kelepiri, Zoi" userId="87bd0bed-c9e6-4c02-915b-1a0910482405" providerId="ADAL" clId="{0535744C-C6B1-4286-959A-D93656DE7D58}" dt="2024-04-10T08:23:32.261" v="13973" actId="255"/>
          <ac:spMkLst>
            <pc:docMk/>
            <pc:sldMk cId="3407662654" sldId="281"/>
            <ac:spMk id="18" creationId="{B16C00CB-89E0-E15E-A1FB-0F8696D1B76B}"/>
          </ac:spMkLst>
        </pc:spChg>
        <pc:spChg chg="add mod">
          <ac:chgData name="Kelepiri, Zoi" userId="87bd0bed-c9e6-4c02-915b-1a0910482405" providerId="ADAL" clId="{0535744C-C6B1-4286-959A-D93656DE7D58}" dt="2024-04-10T08:23:23.009" v="13971" actId="255"/>
          <ac:spMkLst>
            <pc:docMk/>
            <pc:sldMk cId="3407662654" sldId="281"/>
            <ac:spMk id="19" creationId="{BA71D75F-22F2-9FC0-252B-4F9A75C1E31E}"/>
          </ac:spMkLst>
        </pc:spChg>
        <pc:spChg chg="add del mod">
          <ac:chgData name="Kelepiri, Zoi" userId="87bd0bed-c9e6-4c02-915b-1a0910482405" providerId="ADAL" clId="{0535744C-C6B1-4286-959A-D93656DE7D58}" dt="2024-04-08T20:00:39.438" v="2288" actId="478"/>
          <ac:spMkLst>
            <pc:docMk/>
            <pc:sldMk cId="3407662654" sldId="281"/>
            <ac:spMk id="21" creationId="{B9C17E22-C57C-CFFE-6959-6C66D5135D70}"/>
          </ac:spMkLst>
        </pc:spChg>
        <pc:spChg chg="add mod">
          <ac:chgData name="Kelepiri, Zoi" userId="87bd0bed-c9e6-4c02-915b-1a0910482405" providerId="ADAL" clId="{0535744C-C6B1-4286-959A-D93656DE7D58}" dt="2024-04-10T08:23:28.472" v="13972" actId="255"/>
          <ac:spMkLst>
            <pc:docMk/>
            <pc:sldMk cId="3407662654" sldId="281"/>
            <ac:spMk id="26" creationId="{4D3C2A5F-1ABC-762A-B8D5-E723E88F273E}"/>
          </ac:spMkLst>
        </pc:spChg>
        <pc:picChg chg="add mod modCrop">
          <ac:chgData name="Kelepiri, Zoi" userId="87bd0bed-c9e6-4c02-915b-1a0910482405" providerId="ADAL" clId="{0535744C-C6B1-4286-959A-D93656DE7D58}" dt="2024-04-09T14:27:30.806" v="7477" actId="1076"/>
          <ac:picMkLst>
            <pc:docMk/>
            <pc:sldMk cId="3407662654" sldId="281"/>
            <ac:picMk id="3" creationId="{2582923A-9E94-C51E-3F20-C209864170D2}"/>
          </ac:picMkLst>
        </pc:picChg>
        <pc:picChg chg="add del mod">
          <ac:chgData name="Kelepiri, Zoi" userId="87bd0bed-c9e6-4c02-915b-1a0910482405" providerId="ADAL" clId="{0535744C-C6B1-4286-959A-D93656DE7D58}" dt="2024-04-08T20:00:36.570" v="2286" actId="478"/>
          <ac:picMkLst>
            <pc:docMk/>
            <pc:sldMk cId="3407662654" sldId="281"/>
            <ac:picMk id="4" creationId="{223E49A7-0BE8-6DDA-D697-238E117E85E8}"/>
          </ac:picMkLst>
        </pc:picChg>
        <pc:picChg chg="add del mod modCrop">
          <ac:chgData name="Kelepiri, Zoi" userId="87bd0bed-c9e6-4c02-915b-1a0910482405" providerId="ADAL" clId="{0535744C-C6B1-4286-959A-D93656DE7D58}" dt="2024-04-09T19:42:30.125" v="13905" actId="478"/>
          <ac:picMkLst>
            <pc:docMk/>
            <pc:sldMk cId="3407662654" sldId="281"/>
            <ac:picMk id="6" creationId="{7E4BE79F-0939-BA81-DC52-8776833F0335}"/>
          </ac:picMkLst>
        </pc:picChg>
        <pc:picChg chg="add mod">
          <ac:chgData name="Kelepiri, Zoi" userId="87bd0bed-c9e6-4c02-915b-1a0910482405" providerId="ADAL" clId="{0535744C-C6B1-4286-959A-D93656DE7D58}" dt="2024-04-09T19:42:50.535" v="13914" actId="1076"/>
          <ac:picMkLst>
            <pc:docMk/>
            <pc:sldMk cId="3407662654" sldId="281"/>
            <ac:picMk id="8" creationId="{B1A49098-A3A8-B28B-38F7-EBD8E0D8C096}"/>
          </ac:picMkLst>
        </pc:picChg>
        <pc:picChg chg="add del mod">
          <ac:chgData name="Kelepiri, Zoi" userId="87bd0bed-c9e6-4c02-915b-1a0910482405" providerId="ADAL" clId="{0535744C-C6B1-4286-959A-D93656DE7D58}" dt="2024-04-09T19:42:37.067" v="13908" actId="478"/>
          <ac:picMkLst>
            <pc:docMk/>
            <pc:sldMk cId="3407662654" sldId="281"/>
            <ac:picMk id="10" creationId="{38BC4646-CD08-D717-BDA3-D84B36586570}"/>
          </ac:picMkLst>
        </pc:picChg>
        <pc:picChg chg="add mod modCrop">
          <ac:chgData name="Kelepiri, Zoi" userId="87bd0bed-c9e6-4c02-915b-1a0910482405" providerId="ADAL" clId="{0535744C-C6B1-4286-959A-D93656DE7D58}" dt="2024-04-09T14:20:40.507" v="6884" actId="1076"/>
          <ac:picMkLst>
            <pc:docMk/>
            <pc:sldMk cId="3407662654" sldId="281"/>
            <ac:picMk id="23" creationId="{338E5F04-686D-73C2-F385-78ED4FAD067A}"/>
          </ac:picMkLst>
        </pc:picChg>
        <pc:picChg chg="add mod">
          <ac:chgData name="Kelepiri, Zoi" userId="87bd0bed-c9e6-4c02-915b-1a0910482405" providerId="ADAL" clId="{0535744C-C6B1-4286-959A-D93656DE7D58}" dt="2024-04-09T14:28:38.710" v="7580" actId="1076"/>
          <ac:picMkLst>
            <pc:docMk/>
            <pc:sldMk cId="3407662654" sldId="281"/>
            <ac:picMk id="25" creationId="{8350BA2A-AD41-42CE-91D6-AAF137B7CC1C}"/>
          </ac:picMkLst>
        </pc:picChg>
        <pc:picChg chg="add mod">
          <ac:chgData name="Kelepiri, Zoi" userId="87bd0bed-c9e6-4c02-915b-1a0910482405" providerId="ADAL" clId="{0535744C-C6B1-4286-959A-D93656DE7D58}" dt="2024-04-09T19:42:49.138" v="13913" actId="1076"/>
          <ac:picMkLst>
            <pc:docMk/>
            <pc:sldMk cId="3407662654" sldId="281"/>
            <ac:picMk id="27" creationId="{F72D96B0-D0B2-6902-EAB2-E122AAB08A2F}"/>
          </ac:picMkLst>
        </pc:picChg>
      </pc:sldChg>
      <pc:sldChg chg="addSp delSp modSp mod setBg">
        <pc:chgData name="Kelepiri, Zoi" userId="87bd0bed-c9e6-4c02-915b-1a0910482405" providerId="ADAL" clId="{0535744C-C6B1-4286-959A-D93656DE7D58}" dt="2024-04-10T08:23:49.489" v="13976" actId="255"/>
        <pc:sldMkLst>
          <pc:docMk/>
          <pc:sldMk cId="990063425" sldId="282"/>
        </pc:sldMkLst>
        <pc:spChg chg="mod">
          <ac:chgData name="Kelepiri, Zoi" userId="87bd0bed-c9e6-4c02-915b-1a0910482405" providerId="ADAL" clId="{0535744C-C6B1-4286-959A-D93656DE7D58}" dt="2024-04-08T19:30:19.682" v="2113" actId="1076"/>
          <ac:spMkLst>
            <pc:docMk/>
            <pc:sldMk cId="990063425" sldId="282"/>
            <ac:spMk id="2" creationId="{8B59EF98-6E38-3D40-30A8-CBD84B50C31C}"/>
          </ac:spMkLst>
        </pc:spChg>
        <pc:spChg chg="del mod">
          <ac:chgData name="Kelepiri, Zoi" userId="87bd0bed-c9e6-4c02-915b-1a0910482405" providerId="ADAL" clId="{0535744C-C6B1-4286-959A-D93656DE7D58}" dt="2024-04-06T14:28:04.012" v="636" actId="22"/>
          <ac:spMkLst>
            <pc:docMk/>
            <pc:sldMk cId="990063425" sldId="282"/>
            <ac:spMk id="3" creationId="{9112E562-6B5B-3637-1E6D-B3B309B92EF6}"/>
          </ac:spMkLst>
        </pc:spChg>
        <pc:spChg chg="add mod">
          <ac:chgData name="Kelepiri, Zoi" userId="87bd0bed-c9e6-4c02-915b-1a0910482405" providerId="ADAL" clId="{0535744C-C6B1-4286-959A-D93656DE7D58}" dt="2024-04-10T08:23:45.818" v="13975" actId="255"/>
          <ac:spMkLst>
            <pc:docMk/>
            <pc:sldMk cId="990063425" sldId="282"/>
            <ac:spMk id="6" creationId="{2A73C20A-6CA5-FD7E-93F4-032C639BCDA2}"/>
          </ac:spMkLst>
        </pc:spChg>
        <pc:spChg chg="add mod">
          <ac:chgData name="Kelepiri, Zoi" userId="87bd0bed-c9e6-4c02-915b-1a0910482405" providerId="ADAL" clId="{0535744C-C6B1-4286-959A-D93656DE7D58}" dt="2024-04-10T08:23:49.489" v="13976" actId="255"/>
          <ac:spMkLst>
            <pc:docMk/>
            <pc:sldMk cId="990063425" sldId="282"/>
            <ac:spMk id="9" creationId="{6DDB7935-C8B3-8D99-D76B-EC7840A1A350}"/>
          </ac:spMkLst>
        </pc:spChg>
        <pc:spChg chg="add del mod">
          <ac:chgData name="Kelepiri, Zoi" userId="87bd0bed-c9e6-4c02-915b-1a0910482405" providerId="ADAL" clId="{0535744C-C6B1-4286-959A-D93656DE7D58}" dt="2024-04-06T14:34:54.938" v="652" actId="22"/>
          <ac:spMkLst>
            <pc:docMk/>
            <pc:sldMk cId="990063425" sldId="282"/>
            <ac:spMk id="9" creationId="{D22B1086-07FC-9F33-71BE-44B9D2216B53}"/>
          </ac:spMkLst>
        </pc:spChg>
        <pc:spChg chg="add del mod">
          <ac:chgData name="Kelepiri, Zoi" userId="87bd0bed-c9e6-4c02-915b-1a0910482405" providerId="ADAL" clId="{0535744C-C6B1-4286-959A-D93656DE7D58}" dt="2024-04-09T19:44:07.480" v="13931" actId="113"/>
          <ac:spMkLst>
            <pc:docMk/>
            <pc:sldMk cId="990063425" sldId="282"/>
            <ac:spMk id="10" creationId="{19B252B3-E257-64A7-2BD4-25568496AAFF}"/>
          </ac:spMkLst>
        </pc:spChg>
        <pc:spChg chg="add">
          <ac:chgData name="Kelepiri, Zoi" userId="87bd0bed-c9e6-4c02-915b-1a0910482405" providerId="ADAL" clId="{0535744C-C6B1-4286-959A-D93656DE7D58}" dt="2024-04-08T18:31:49.151" v="1275" actId="26606"/>
          <ac:spMkLst>
            <pc:docMk/>
            <pc:sldMk cId="990063425" sldId="282"/>
            <ac:spMk id="20" creationId="{9F4444CE-BC8D-4D61-B303-4C05614E62AB}"/>
          </ac:spMkLst>
        </pc:spChg>
        <pc:spChg chg="add">
          <ac:chgData name="Kelepiri, Zoi" userId="87bd0bed-c9e6-4c02-915b-1a0910482405" providerId="ADAL" clId="{0535744C-C6B1-4286-959A-D93656DE7D58}" dt="2024-04-08T18:31:49.151" v="1275" actId="26606"/>
          <ac:spMkLst>
            <pc:docMk/>
            <pc:sldMk cId="990063425" sldId="282"/>
            <ac:spMk id="22" creationId="{73772B81-181F-48B7-8826-4D9686D15DF5}"/>
          </ac:spMkLst>
        </pc:spChg>
        <pc:spChg chg="add">
          <ac:chgData name="Kelepiri, Zoi" userId="87bd0bed-c9e6-4c02-915b-1a0910482405" providerId="ADAL" clId="{0535744C-C6B1-4286-959A-D93656DE7D58}" dt="2024-04-08T18:31:49.151" v="1275" actId="26606"/>
          <ac:spMkLst>
            <pc:docMk/>
            <pc:sldMk cId="990063425" sldId="282"/>
            <ac:spMk id="24" creationId="{B2205F6E-03C6-4E92-877C-E2482F6599AA}"/>
          </ac:spMkLst>
        </pc:spChg>
        <pc:picChg chg="add mod">
          <ac:chgData name="Kelepiri, Zoi" userId="87bd0bed-c9e6-4c02-915b-1a0910482405" providerId="ADAL" clId="{0535744C-C6B1-4286-959A-D93656DE7D58}" dt="2024-04-09T14:04:59.180" v="6167" actId="1076"/>
          <ac:picMkLst>
            <pc:docMk/>
            <pc:sldMk cId="990063425" sldId="282"/>
            <ac:picMk id="3" creationId="{2F3DA398-FEAD-7246-07E9-EF613568DDB1}"/>
          </ac:picMkLst>
        </pc:picChg>
        <pc:picChg chg="add mod">
          <ac:chgData name="Kelepiri, Zoi" userId="87bd0bed-c9e6-4c02-915b-1a0910482405" providerId="ADAL" clId="{0535744C-C6B1-4286-959A-D93656DE7D58}" dt="2024-04-09T10:38:22.827" v="2516" actId="14100"/>
          <ac:picMkLst>
            <pc:docMk/>
            <pc:sldMk cId="990063425" sldId="282"/>
            <ac:picMk id="4" creationId="{FE1A20DD-D620-7D02-FE54-66A8261861BB}"/>
          </ac:picMkLst>
        </pc:picChg>
        <pc:picChg chg="add del mod ord">
          <ac:chgData name="Kelepiri, Zoi" userId="87bd0bed-c9e6-4c02-915b-1a0910482405" providerId="ADAL" clId="{0535744C-C6B1-4286-959A-D93656DE7D58}" dt="2024-04-06T14:29:01.090" v="642" actId="478"/>
          <ac:picMkLst>
            <pc:docMk/>
            <pc:sldMk cId="990063425" sldId="282"/>
            <ac:picMk id="5" creationId="{7D8DFDDA-80F0-E552-0CB7-42AA5F69C379}"/>
          </ac:picMkLst>
        </pc:picChg>
        <pc:picChg chg="add mod">
          <ac:chgData name="Kelepiri, Zoi" userId="87bd0bed-c9e6-4c02-915b-1a0910482405" providerId="ADAL" clId="{0535744C-C6B1-4286-959A-D93656DE7D58}" dt="2024-04-09T14:04:57.436" v="6166" actId="1076"/>
          <ac:picMkLst>
            <pc:docMk/>
            <pc:sldMk cId="990063425" sldId="282"/>
            <ac:picMk id="7" creationId="{A50DF225-C28C-97A7-5C78-54006B39A2E7}"/>
          </ac:picMkLst>
        </pc:picChg>
        <pc:picChg chg="add mod ord">
          <ac:chgData name="Kelepiri, Zoi" userId="87bd0bed-c9e6-4c02-915b-1a0910482405" providerId="ADAL" clId="{0535744C-C6B1-4286-959A-D93656DE7D58}" dt="2024-04-08T19:31:10.677" v="2131" actId="1076"/>
          <ac:picMkLst>
            <pc:docMk/>
            <pc:sldMk cId="990063425" sldId="282"/>
            <ac:picMk id="11" creationId="{5946A804-6AC6-31B3-52D2-767EC05F5428}"/>
          </ac:picMkLst>
        </pc:picChg>
        <pc:picChg chg="add mod">
          <ac:chgData name="Kelepiri, Zoi" userId="87bd0bed-c9e6-4c02-915b-1a0910482405" providerId="ADAL" clId="{0535744C-C6B1-4286-959A-D93656DE7D58}" dt="2024-04-09T14:05:00.590" v="6168" actId="1076"/>
          <ac:picMkLst>
            <pc:docMk/>
            <pc:sldMk cId="990063425" sldId="282"/>
            <ac:picMk id="13" creationId="{BB179FB0-642D-B8B9-B4B9-3BB24248BD51}"/>
          </ac:picMkLst>
        </pc:picChg>
        <pc:picChg chg="add mod">
          <ac:chgData name="Kelepiri, Zoi" userId="87bd0bed-c9e6-4c02-915b-1a0910482405" providerId="ADAL" clId="{0535744C-C6B1-4286-959A-D93656DE7D58}" dt="2024-04-09T14:03:18.913" v="5877" actId="1076"/>
          <ac:picMkLst>
            <pc:docMk/>
            <pc:sldMk cId="990063425" sldId="282"/>
            <ac:picMk id="14" creationId="{097EB51F-9D3C-2C9A-08D2-851D4304BF6E}"/>
          </ac:picMkLst>
        </pc:picChg>
        <pc:picChg chg="add mod">
          <ac:chgData name="Kelepiri, Zoi" userId="87bd0bed-c9e6-4c02-915b-1a0910482405" providerId="ADAL" clId="{0535744C-C6B1-4286-959A-D93656DE7D58}" dt="2024-04-09T14:05:02.107" v="6169" actId="1076"/>
          <ac:picMkLst>
            <pc:docMk/>
            <pc:sldMk cId="990063425" sldId="282"/>
            <ac:picMk id="15" creationId="{F1EBB343-C233-B080-BC8E-2546E2CA4B15}"/>
          </ac:picMkLst>
        </pc:picChg>
      </pc:sldChg>
      <pc:sldChg chg="addSp delSp modSp new mod modClrScheme chgLayout">
        <pc:chgData name="Kelepiri, Zoi" userId="87bd0bed-c9e6-4c02-915b-1a0910482405" providerId="ADAL" clId="{0535744C-C6B1-4286-959A-D93656DE7D58}" dt="2024-04-09T09:50:57.540" v="2464" actId="1076"/>
        <pc:sldMkLst>
          <pc:docMk/>
          <pc:sldMk cId="2659587626" sldId="283"/>
        </pc:sldMkLst>
        <pc:spChg chg="del mod ord">
          <ac:chgData name="Kelepiri, Zoi" userId="87bd0bed-c9e6-4c02-915b-1a0910482405" providerId="ADAL" clId="{0535744C-C6B1-4286-959A-D93656DE7D58}" dt="2024-04-06T09:28:07.538" v="1" actId="700"/>
          <ac:spMkLst>
            <pc:docMk/>
            <pc:sldMk cId="2659587626" sldId="283"/>
            <ac:spMk id="2" creationId="{9E377D6D-A86E-98D5-EBBE-5F363DEE8341}"/>
          </ac:spMkLst>
        </pc:spChg>
        <pc:spChg chg="del mod ord">
          <ac:chgData name="Kelepiri, Zoi" userId="87bd0bed-c9e6-4c02-915b-1a0910482405" providerId="ADAL" clId="{0535744C-C6B1-4286-959A-D93656DE7D58}" dt="2024-04-06T09:28:07.538" v="1" actId="700"/>
          <ac:spMkLst>
            <pc:docMk/>
            <pc:sldMk cId="2659587626" sldId="283"/>
            <ac:spMk id="3" creationId="{E8E8AA28-FC3F-8040-F2AA-B6D729471CD5}"/>
          </ac:spMkLst>
        </pc:spChg>
        <pc:spChg chg="add mod ord">
          <ac:chgData name="Kelepiri, Zoi" userId="87bd0bed-c9e6-4c02-915b-1a0910482405" providerId="ADAL" clId="{0535744C-C6B1-4286-959A-D93656DE7D58}" dt="2024-04-09T09:50:57.540" v="2464" actId="1076"/>
          <ac:spMkLst>
            <pc:docMk/>
            <pc:sldMk cId="2659587626" sldId="283"/>
            <ac:spMk id="4" creationId="{3556417A-6AB1-6920-5EFC-7E9232678F28}"/>
          </ac:spMkLst>
        </pc:spChg>
        <pc:spChg chg="add del mod ord">
          <ac:chgData name="Kelepiri, Zoi" userId="87bd0bed-c9e6-4c02-915b-1a0910482405" providerId="ADAL" clId="{0535744C-C6B1-4286-959A-D93656DE7D58}" dt="2024-04-06T09:28:18.231" v="19" actId="478"/>
          <ac:spMkLst>
            <pc:docMk/>
            <pc:sldMk cId="2659587626" sldId="283"/>
            <ac:spMk id="5" creationId="{D34C7A5B-F69F-45F9-2783-F7A5A2E50ACE}"/>
          </ac:spMkLst>
        </pc:spChg>
      </pc:sldChg>
      <pc:sldChg chg="addSp delSp modSp new mod">
        <pc:chgData name="Kelepiri, Zoi" userId="87bd0bed-c9e6-4c02-915b-1a0910482405" providerId="ADAL" clId="{0535744C-C6B1-4286-959A-D93656DE7D58}" dt="2024-04-10T08:24:09.153" v="13980" actId="255"/>
        <pc:sldMkLst>
          <pc:docMk/>
          <pc:sldMk cId="3913106445" sldId="284"/>
        </pc:sldMkLst>
        <pc:spChg chg="mod">
          <ac:chgData name="Kelepiri, Zoi" userId="87bd0bed-c9e6-4c02-915b-1a0910482405" providerId="ADAL" clId="{0535744C-C6B1-4286-959A-D93656DE7D58}" dt="2024-04-09T10:38:41.003" v="2517" actId="1076"/>
          <ac:spMkLst>
            <pc:docMk/>
            <pc:sldMk cId="3913106445" sldId="284"/>
            <ac:spMk id="2" creationId="{27F21DE5-D278-6DE8-0C1D-C0BDC34B9E5C}"/>
          </ac:spMkLst>
        </pc:spChg>
        <pc:spChg chg="del mod">
          <ac:chgData name="Kelepiri, Zoi" userId="87bd0bed-c9e6-4c02-915b-1a0910482405" providerId="ADAL" clId="{0535744C-C6B1-4286-959A-D93656DE7D58}" dt="2024-04-06T14:27:32.204" v="634" actId="22"/>
          <ac:spMkLst>
            <pc:docMk/>
            <pc:sldMk cId="3913106445" sldId="284"/>
            <ac:spMk id="3" creationId="{F9F68D52-3358-7559-AF3C-3F96A374734C}"/>
          </ac:spMkLst>
        </pc:spChg>
        <pc:spChg chg="add mod">
          <ac:chgData name="Kelepiri, Zoi" userId="87bd0bed-c9e6-4c02-915b-1a0910482405" providerId="ADAL" clId="{0535744C-C6B1-4286-959A-D93656DE7D58}" dt="2024-04-09T19:44:37.111" v="13938" actId="113"/>
          <ac:spMkLst>
            <pc:docMk/>
            <pc:sldMk cId="3913106445" sldId="284"/>
            <ac:spMk id="4" creationId="{E02EC5CC-376A-3120-13E9-9083C2D09E0C}"/>
          </ac:spMkLst>
        </pc:spChg>
        <pc:spChg chg="add mod">
          <ac:chgData name="Kelepiri, Zoi" userId="87bd0bed-c9e6-4c02-915b-1a0910482405" providerId="ADAL" clId="{0535744C-C6B1-4286-959A-D93656DE7D58}" dt="2024-04-09T19:44:40.263" v="13939" actId="113"/>
          <ac:spMkLst>
            <pc:docMk/>
            <pc:sldMk cId="3913106445" sldId="284"/>
            <ac:spMk id="6" creationId="{C48C5DE9-330A-C00A-03A4-426474666675}"/>
          </ac:spMkLst>
        </pc:spChg>
        <pc:spChg chg="add mod">
          <ac:chgData name="Kelepiri, Zoi" userId="87bd0bed-c9e6-4c02-915b-1a0910482405" providerId="ADAL" clId="{0535744C-C6B1-4286-959A-D93656DE7D58}" dt="2024-04-10T08:23:56.753" v="13977" actId="255"/>
          <ac:spMkLst>
            <pc:docMk/>
            <pc:sldMk cId="3913106445" sldId="284"/>
            <ac:spMk id="12" creationId="{5C00038B-FDF1-3A04-4A59-19143AAE6B35}"/>
          </ac:spMkLst>
        </pc:spChg>
        <pc:spChg chg="add del mod">
          <ac:chgData name="Kelepiri, Zoi" userId="87bd0bed-c9e6-4c02-915b-1a0910482405" providerId="ADAL" clId="{0535744C-C6B1-4286-959A-D93656DE7D58}" dt="2024-04-09T14:34:29.572" v="8014" actId="21"/>
          <ac:spMkLst>
            <pc:docMk/>
            <pc:sldMk cId="3913106445" sldId="284"/>
            <ac:spMk id="14" creationId="{C228B4E8-9617-E67D-288C-307540BD93DB}"/>
          </ac:spMkLst>
        </pc:spChg>
        <pc:spChg chg="add mod">
          <ac:chgData name="Kelepiri, Zoi" userId="87bd0bed-c9e6-4c02-915b-1a0910482405" providerId="ADAL" clId="{0535744C-C6B1-4286-959A-D93656DE7D58}" dt="2024-04-10T08:24:00.132" v="13978" actId="255"/>
          <ac:spMkLst>
            <pc:docMk/>
            <pc:sldMk cId="3913106445" sldId="284"/>
            <ac:spMk id="15" creationId="{3F2A54EC-8685-D6F8-C1CB-3C67FEAEBEB6}"/>
          </ac:spMkLst>
        </pc:spChg>
        <pc:spChg chg="add mod">
          <ac:chgData name="Kelepiri, Zoi" userId="87bd0bed-c9e6-4c02-915b-1a0910482405" providerId="ADAL" clId="{0535744C-C6B1-4286-959A-D93656DE7D58}" dt="2024-04-10T08:24:04.949" v="13979" actId="255"/>
          <ac:spMkLst>
            <pc:docMk/>
            <pc:sldMk cId="3913106445" sldId="284"/>
            <ac:spMk id="17" creationId="{0E806EFA-327A-1CAB-291B-C5A5F7CD8840}"/>
          </ac:spMkLst>
        </pc:spChg>
        <pc:spChg chg="add del mod">
          <ac:chgData name="Kelepiri, Zoi" userId="87bd0bed-c9e6-4c02-915b-1a0910482405" providerId="ADAL" clId="{0535744C-C6B1-4286-959A-D93656DE7D58}" dt="2024-04-09T14:34:37.085" v="8016" actId="21"/>
          <ac:spMkLst>
            <pc:docMk/>
            <pc:sldMk cId="3913106445" sldId="284"/>
            <ac:spMk id="18" creationId="{9E3AE539-58A6-BDB4-280F-1C8D3394038B}"/>
          </ac:spMkLst>
        </pc:spChg>
        <pc:spChg chg="add mod">
          <ac:chgData name="Kelepiri, Zoi" userId="87bd0bed-c9e6-4c02-915b-1a0910482405" providerId="ADAL" clId="{0535744C-C6B1-4286-959A-D93656DE7D58}" dt="2024-04-10T08:24:09.153" v="13980" actId="255"/>
          <ac:spMkLst>
            <pc:docMk/>
            <pc:sldMk cId="3913106445" sldId="284"/>
            <ac:spMk id="21" creationId="{659EF1C0-3D66-9808-C7A3-32F3F012C54B}"/>
          </ac:spMkLst>
        </pc:spChg>
        <pc:picChg chg="add del mod">
          <ac:chgData name="Kelepiri, Zoi" userId="87bd0bed-c9e6-4c02-915b-1a0910482405" providerId="ADAL" clId="{0535744C-C6B1-4286-959A-D93656DE7D58}" dt="2024-04-09T14:34:24.495" v="8012" actId="21"/>
          <ac:picMkLst>
            <pc:docMk/>
            <pc:sldMk cId="3913106445" sldId="284"/>
            <ac:picMk id="3" creationId="{5FF0A1DE-828D-4102-703C-F90EDD16A2C2}"/>
          </ac:picMkLst>
        </pc:picChg>
        <pc:picChg chg="add mod ord">
          <ac:chgData name="Kelepiri, Zoi" userId="87bd0bed-c9e6-4c02-915b-1a0910482405" providerId="ADAL" clId="{0535744C-C6B1-4286-959A-D93656DE7D58}" dt="2024-04-09T14:35:04.641" v="8026" actId="1076"/>
          <ac:picMkLst>
            <pc:docMk/>
            <pc:sldMk cId="3913106445" sldId="284"/>
            <ac:picMk id="5" creationId="{49F748DC-6F76-9A52-786E-097A9FF62FEF}"/>
          </ac:picMkLst>
        </pc:picChg>
        <pc:picChg chg="add del mod modCrop">
          <ac:chgData name="Kelepiri, Zoi" userId="87bd0bed-c9e6-4c02-915b-1a0910482405" providerId="ADAL" clId="{0535744C-C6B1-4286-959A-D93656DE7D58}" dt="2024-04-09T14:34:20.522" v="8010" actId="21"/>
          <ac:picMkLst>
            <pc:docMk/>
            <pc:sldMk cId="3913106445" sldId="284"/>
            <ac:picMk id="7" creationId="{E286F097-0BB1-1C34-9DE9-4359A178A0B6}"/>
          </ac:picMkLst>
        </pc:picChg>
        <pc:picChg chg="add mod">
          <ac:chgData name="Kelepiri, Zoi" userId="87bd0bed-c9e6-4c02-915b-1a0910482405" providerId="ADAL" clId="{0535744C-C6B1-4286-959A-D93656DE7D58}" dt="2024-04-09T14:51:04.107" v="9128" actId="1076"/>
          <ac:picMkLst>
            <pc:docMk/>
            <pc:sldMk cId="3913106445" sldId="284"/>
            <ac:picMk id="9" creationId="{B4A2E6AC-5037-4627-499F-1A7466D57BA6}"/>
          </ac:picMkLst>
        </pc:picChg>
        <pc:picChg chg="add mod">
          <ac:chgData name="Kelepiri, Zoi" userId="87bd0bed-c9e6-4c02-915b-1a0910482405" providerId="ADAL" clId="{0535744C-C6B1-4286-959A-D93656DE7D58}" dt="2024-04-09T19:45:07.355" v="13947" actId="1076"/>
          <ac:picMkLst>
            <pc:docMk/>
            <pc:sldMk cId="3913106445" sldId="284"/>
            <ac:picMk id="10" creationId="{1A3BBBF9-81BA-4C94-3140-23A18608F0B1}"/>
          </ac:picMkLst>
        </pc:picChg>
        <pc:picChg chg="add del mod">
          <ac:chgData name="Kelepiri, Zoi" userId="87bd0bed-c9e6-4c02-915b-1a0910482405" providerId="ADAL" clId="{0535744C-C6B1-4286-959A-D93656DE7D58}" dt="2024-04-09T19:44:44.583" v="13940" actId="478"/>
          <ac:picMkLst>
            <pc:docMk/>
            <pc:sldMk cId="3913106445" sldId="284"/>
            <ac:picMk id="16" creationId="{49EC10BF-4183-77DA-D078-8BC0316ED8AA}"/>
          </ac:picMkLst>
        </pc:picChg>
        <pc:picChg chg="add mod">
          <ac:chgData name="Kelepiri, Zoi" userId="87bd0bed-c9e6-4c02-915b-1a0910482405" providerId="ADAL" clId="{0535744C-C6B1-4286-959A-D93656DE7D58}" dt="2024-04-09T19:45:17.604" v="13950" actId="1076"/>
          <ac:picMkLst>
            <pc:docMk/>
            <pc:sldMk cId="3913106445" sldId="284"/>
            <ac:picMk id="20" creationId="{3D7EA535-C663-9FC4-3A05-048E13737623}"/>
          </ac:picMkLst>
        </pc:picChg>
        <pc:picChg chg="add del">
          <ac:chgData name="Kelepiri, Zoi" userId="87bd0bed-c9e6-4c02-915b-1a0910482405" providerId="ADAL" clId="{0535744C-C6B1-4286-959A-D93656DE7D58}" dt="2024-04-09T19:44:46.617" v="13942" actId="22"/>
          <ac:picMkLst>
            <pc:docMk/>
            <pc:sldMk cId="3913106445" sldId="284"/>
            <ac:picMk id="23" creationId="{4C681544-2471-3172-FE1D-FBD4CEED3152}"/>
          </ac:picMkLst>
        </pc:picChg>
        <pc:picChg chg="add mod">
          <ac:chgData name="Kelepiri, Zoi" userId="87bd0bed-c9e6-4c02-915b-1a0910482405" providerId="ADAL" clId="{0535744C-C6B1-4286-959A-D93656DE7D58}" dt="2024-04-09T19:45:03.035" v="13946" actId="1076"/>
          <ac:picMkLst>
            <pc:docMk/>
            <pc:sldMk cId="3913106445" sldId="284"/>
            <ac:picMk id="24" creationId="{9DFF0282-2D06-0D73-F9D4-C72FC7E1C53C}"/>
          </ac:picMkLst>
        </pc:picChg>
      </pc:sldChg>
      <pc:sldChg chg="addSp delSp modSp new mod">
        <pc:chgData name="Kelepiri, Zoi" userId="87bd0bed-c9e6-4c02-915b-1a0910482405" providerId="ADAL" clId="{0535744C-C6B1-4286-959A-D93656DE7D58}" dt="2024-04-10T08:24:30.319" v="13985" actId="255"/>
        <pc:sldMkLst>
          <pc:docMk/>
          <pc:sldMk cId="2912199998" sldId="285"/>
        </pc:sldMkLst>
        <pc:spChg chg="mod">
          <ac:chgData name="Kelepiri, Zoi" userId="87bd0bed-c9e6-4c02-915b-1a0910482405" providerId="ADAL" clId="{0535744C-C6B1-4286-959A-D93656DE7D58}" dt="2024-04-09T15:00:17.394" v="9132" actId="14100"/>
          <ac:spMkLst>
            <pc:docMk/>
            <pc:sldMk cId="2912199998" sldId="285"/>
            <ac:spMk id="2" creationId="{84BDD611-6593-0F7E-F965-7A481ABB95E0}"/>
          </ac:spMkLst>
        </pc:spChg>
        <pc:spChg chg="del">
          <ac:chgData name="Kelepiri, Zoi" userId="87bd0bed-c9e6-4c02-915b-1a0910482405" providerId="ADAL" clId="{0535744C-C6B1-4286-959A-D93656DE7D58}" dt="2024-04-06T13:57:16.242" v="622" actId="22"/>
          <ac:spMkLst>
            <pc:docMk/>
            <pc:sldMk cId="2912199998" sldId="285"/>
            <ac:spMk id="3" creationId="{DB80D98E-E96B-D269-00FB-6E490DBE34CA}"/>
          </ac:spMkLst>
        </pc:spChg>
        <pc:spChg chg="add mod">
          <ac:chgData name="Kelepiri, Zoi" userId="87bd0bed-c9e6-4c02-915b-1a0910482405" providerId="ADAL" clId="{0535744C-C6B1-4286-959A-D93656DE7D58}" dt="2024-04-10T08:24:26.758" v="13984" actId="255"/>
          <ac:spMkLst>
            <pc:docMk/>
            <pc:sldMk cId="2912199998" sldId="285"/>
            <ac:spMk id="4" creationId="{00B2DD47-5EEC-464C-F36D-BF76AFA7C75B}"/>
          </ac:spMkLst>
        </pc:spChg>
        <pc:spChg chg="add del mod">
          <ac:chgData name="Kelepiri, Zoi" userId="87bd0bed-c9e6-4c02-915b-1a0910482405" providerId="ADAL" clId="{0535744C-C6B1-4286-959A-D93656DE7D58}" dt="2024-04-06T13:58:00.674" v="626" actId="22"/>
          <ac:spMkLst>
            <pc:docMk/>
            <pc:sldMk cId="2912199998" sldId="285"/>
            <ac:spMk id="7" creationId="{57FA5565-C9EC-41CF-A1C8-584139C8E9BF}"/>
          </ac:spMkLst>
        </pc:spChg>
        <pc:spChg chg="add mod">
          <ac:chgData name="Kelepiri, Zoi" userId="87bd0bed-c9e6-4c02-915b-1a0910482405" providerId="ADAL" clId="{0535744C-C6B1-4286-959A-D93656DE7D58}" dt="2024-04-10T08:24:30.319" v="13985" actId="255"/>
          <ac:spMkLst>
            <pc:docMk/>
            <pc:sldMk cId="2912199998" sldId="285"/>
            <ac:spMk id="12" creationId="{BD6365C1-2FB6-CF2C-DECD-65431011BA34}"/>
          </ac:spMkLst>
        </pc:spChg>
        <pc:picChg chg="add del mod ord">
          <ac:chgData name="Kelepiri, Zoi" userId="87bd0bed-c9e6-4c02-915b-1a0910482405" providerId="ADAL" clId="{0535744C-C6B1-4286-959A-D93656DE7D58}" dt="2024-04-06T13:57:17.912" v="623" actId="21"/>
          <ac:picMkLst>
            <pc:docMk/>
            <pc:sldMk cId="2912199998" sldId="285"/>
            <ac:picMk id="5" creationId="{762B774F-F394-5D71-D02F-17BEDEB2DD4A}"/>
          </ac:picMkLst>
        </pc:picChg>
        <pc:picChg chg="add del mod">
          <ac:chgData name="Kelepiri, Zoi" userId="87bd0bed-c9e6-4c02-915b-1a0910482405" providerId="ADAL" clId="{0535744C-C6B1-4286-959A-D93656DE7D58}" dt="2024-04-08T18:45:51.539" v="1598" actId="21"/>
          <ac:picMkLst>
            <pc:docMk/>
            <pc:sldMk cId="2912199998" sldId="285"/>
            <ac:picMk id="6" creationId="{AF4E29AB-0884-2304-7EA5-B4E0948AB286}"/>
          </ac:picMkLst>
        </pc:picChg>
        <pc:picChg chg="add del mod">
          <ac:chgData name="Kelepiri, Zoi" userId="87bd0bed-c9e6-4c02-915b-1a0910482405" providerId="ADAL" clId="{0535744C-C6B1-4286-959A-D93656DE7D58}" dt="2024-04-08T18:50:11.946" v="1672" actId="478"/>
          <ac:picMkLst>
            <pc:docMk/>
            <pc:sldMk cId="2912199998" sldId="285"/>
            <ac:picMk id="8" creationId="{EB90FBDB-80FA-FB46-38FD-C1291A8BAF3A}"/>
          </ac:picMkLst>
        </pc:picChg>
        <pc:picChg chg="add mod ord">
          <ac:chgData name="Kelepiri, Zoi" userId="87bd0bed-c9e6-4c02-915b-1a0910482405" providerId="ADAL" clId="{0535744C-C6B1-4286-959A-D93656DE7D58}" dt="2024-04-08T18:36:31.703" v="1313" actId="1076"/>
          <ac:picMkLst>
            <pc:docMk/>
            <pc:sldMk cId="2912199998" sldId="285"/>
            <ac:picMk id="9" creationId="{6B9D0EE6-8F1B-D7A0-D039-B0CAE89B59B6}"/>
          </ac:picMkLst>
        </pc:picChg>
        <pc:picChg chg="add del mod">
          <ac:chgData name="Kelepiri, Zoi" userId="87bd0bed-c9e6-4c02-915b-1a0910482405" providerId="ADAL" clId="{0535744C-C6B1-4286-959A-D93656DE7D58}" dt="2024-04-08T18:36:33.166" v="1314" actId="478"/>
          <ac:picMkLst>
            <pc:docMk/>
            <pc:sldMk cId="2912199998" sldId="285"/>
            <ac:picMk id="10" creationId="{4356F43C-79E8-0428-F1A3-43A808D9C608}"/>
          </ac:picMkLst>
        </pc:picChg>
        <pc:picChg chg="add del mod">
          <ac:chgData name="Kelepiri, Zoi" userId="87bd0bed-c9e6-4c02-915b-1a0910482405" providerId="ADAL" clId="{0535744C-C6B1-4286-959A-D93656DE7D58}" dt="2024-04-08T20:21:44.152" v="2432" actId="478"/>
          <ac:picMkLst>
            <pc:docMk/>
            <pc:sldMk cId="2912199998" sldId="285"/>
            <ac:picMk id="14" creationId="{AB16A0EC-4EF2-5DF4-A5E2-9FE49AF3BCBE}"/>
          </ac:picMkLst>
        </pc:picChg>
        <pc:picChg chg="add mod">
          <ac:chgData name="Kelepiri, Zoi" userId="87bd0bed-c9e6-4c02-915b-1a0910482405" providerId="ADAL" clId="{0535744C-C6B1-4286-959A-D93656DE7D58}" dt="2024-04-08T20:21:49.463" v="2436" actId="1076"/>
          <ac:picMkLst>
            <pc:docMk/>
            <pc:sldMk cId="2912199998" sldId="285"/>
            <ac:picMk id="15" creationId="{191DF258-E799-0F05-5B33-A0CA5ED3E1AC}"/>
          </ac:picMkLst>
        </pc:picChg>
      </pc:sldChg>
      <pc:sldChg chg="addSp delSp modSp new mod setBg modClrScheme chgLayout">
        <pc:chgData name="Kelepiri, Zoi" userId="87bd0bed-c9e6-4c02-915b-1a0910482405" providerId="ADAL" clId="{0535744C-C6B1-4286-959A-D93656DE7D58}" dt="2024-04-10T08:24:39.062" v="13987" actId="255"/>
        <pc:sldMkLst>
          <pc:docMk/>
          <pc:sldMk cId="3917159661" sldId="286"/>
        </pc:sldMkLst>
        <pc:spChg chg="mod ord">
          <ac:chgData name="Kelepiri, Zoi" userId="87bd0bed-c9e6-4c02-915b-1a0910482405" providerId="ADAL" clId="{0535744C-C6B1-4286-959A-D93656DE7D58}" dt="2024-04-08T19:20:24.485" v="2040" actId="1076"/>
          <ac:spMkLst>
            <pc:docMk/>
            <pc:sldMk cId="3917159661" sldId="286"/>
            <ac:spMk id="2" creationId="{34F735D6-EF8E-981C-59D7-03BB8ADC0A89}"/>
          </ac:spMkLst>
        </pc:spChg>
        <pc:spChg chg="del">
          <ac:chgData name="Kelepiri, Zoi" userId="87bd0bed-c9e6-4c02-915b-1a0910482405" providerId="ADAL" clId="{0535744C-C6B1-4286-959A-D93656DE7D58}" dt="2024-04-06T13:57:19.844" v="624"/>
          <ac:spMkLst>
            <pc:docMk/>
            <pc:sldMk cId="3917159661" sldId="286"/>
            <ac:spMk id="3" creationId="{CA2600B0-DB66-40A1-326F-05389654430D}"/>
          </ac:spMkLst>
        </pc:spChg>
        <pc:spChg chg="add mod">
          <ac:chgData name="Kelepiri, Zoi" userId="87bd0bed-c9e6-4c02-915b-1a0910482405" providerId="ADAL" clId="{0535744C-C6B1-4286-959A-D93656DE7D58}" dt="2024-04-09T19:45:42.735" v="13954" actId="113"/>
          <ac:spMkLst>
            <pc:docMk/>
            <pc:sldMk cId="3917159661" sldId="286"/>
            <ac:spMk id="5" creationId="{A72872CC-9EE7-10E3-ADC4-BFC21CAF326D}"/>
          </ac:spMkLst>
        </pc:spChg>
        <pc:spChg chg="add mod">
          <ac:chgData name="Kelepiri, Zoi" userId="87bd0bed-c9e6-4c02-915b-1a0910482405" providerId="ADAL" clId="{0535744C-C6B1-4286-959A-D93656DE7D58}" dt="2024-04-09T19:45:44.863" v="13955" actId="113"/>
          <ac:spMkLst>
            <pc:docMk/>
            <pc:sldMk cId="3917159661" sldId="286"/>
            <ac:spMk id="8" creationId="{58C90911-31CE-F3AB-D288-61B16E1E05CE}"/>
          </ac:spMkLst>
        </pc:spChg>
        <pc:spChg chg="add del">
          <ac:chgData name="Kelepiri, Zoi" userId="87bd0bed-c9e6-4c02-915b-1a0910482405" providerId="ADAL" clId="{0535744C-C6B1-4286-959A-D93656DE7D58}" dt="2024-04-08T19:20:18.793" v="2038" actId="26606"/>
          <ac:spMkLst>
            <pc:docMk/>
            <pc:sldMk cId="3917159661" sldId="286"/>
            <ac:spMk id="9" creationId="{03E8462A-FEBA-4848-81CC-3F8DA3E477BE}"/>
          </ac:spMkLst>
        </pc:spChg>
        <pc:spChg chg="add del">
          <ac:chgData name="Kelepiri, Zoi" userId="87bd0bed-c9e6-4c02-915b-1a0910482405" providerId="ADAL" clId="{0535744C-C6B1-4286-959A-D93656DE7D58}" dt="2024-04-08T19:20:18.793" v="2038" actId="26606"/>
          <ac:spMkLst>
            <pc:docMk/>
            <pc:sldMk cId="3917159661" sldId="286"/>
            <ac:spMk id="22" creationId="{7941F9B1-B01B-4A84-89D9-B169AEB4E456}"/>
          </ac:spMkLst>
        </pc:spChg>
        <pc:spChg chg="add del">
          <ac:chgData name="Kelepiri, Zoi" userId="87bd0bed-c9e6-4c02-915b-1a0910482405" providerId="ADAL" clId="{0535744C-C6B1-4286-959A-D93656DE7D58}" dt="2024-04-08T19:19:54.245" v="2032" actId="26606"/>
          <ac:spMkLst>
            <pc:docMk/>
            <pc:sldMk cId="3917159661" sldId="286"/>
            <ac:spMk id="23" creationId="{8267EEE4-6354-4F1C-9484-951F0EB92F1B}"/>
          </ac:spMkLst>
        </pc:spChg>
        <pc:spChg chg="add del mod">
          <ac:chgData name="Kelepiri, Zoi" userId="87bd0bed-c9e6-4c02-915b-1a0910482405" providerId="ADAL" clId="{0535744C-C6B1-4286-959A-D93656DE7D58}" dt="2024-04-08T20:19:29.950" v="2406" actId="478"/>
          <ac:spMkLst>
            <pc:docMk/>
            <pc:sldMk cId="3917159661" sldId="286"/>
            <ac:spMk id="24" creationId="{E25EF99A-1741-C65D-13E3-A8BE888148C9}"/>
          </ac:spMkLst>
        </pc:spChg>
        <pc:spChg chg="add del">
          <ac:chgData name="Kelepiri, Zoi" userId="87bd0bed-c9e6-4c02-915b-1a0910482405" providerId="ADAL" clId="{0535744C-C6B1-4286-959A-D93656DE7D58}" dt="2024-04-08T19:19:54.245" v="2032" actId="26606"/>
          <ac:spMkLst>
            <pc:docMk/>
            <pc:sldMk cId="3917159661" sldId="286"/>
            <ac:spMk id="25" creationId="{0E5A83F9-E6B8-40BD-9C0D-9A6F15650742}"/>
          </ac:spMkLst>
        </pc:spChg>
        <pc:spChg chg="add mod">
          <ac:chgData name="Kelepiri, Zoi" userId="87bd0bed-c9e6-4c02-915b-1a0910482405" providerId="ADAL" clId="{0535744C-C6B1-4286-959A-D93656DE7D58}" dt="2024-04-10T08:24:35.486" v="13986" actId="255"/>
          <ac:spMkLst>
            <pc:docMk/>
            <pc:sldMk cId="3917159661" sldId="286"/>
            <ac:spMk id="26" creationId="{EAA9D88A-915F-459F-0B96-442BB0710406}"/>
          </ac:spMkLst>
        </pc:spChg>
        <pc:spChg chg="add mod">
          <ac:chgData name="Kelepiri, Zoi" userId="87bd0bed-c9e6-4c02-915b-1a0910482405" providerId="ADAL" clId="{0535744C-C6B1-4286-959A-D93656DE7D58}" dt="2024-04-10T08:24:39.062" v="13987" actId="255"/>
          <ac:spMkLst>
            <pc:docMk/>
            <pc:sldMk cId="3917159661" sldId="286"/>
            <ac:spMk id="27" creationId="{4E1D5BB3-A64F-3263-3DF0-60C68C109575}"/>
          </ac:spMkLst>
        </pc:spChg>
        <pc:grpChg chg="add del">
          <ac:chgData name="Kelepiri, Zoi" userId="87bd0bed-c9e6-4c02-915b-1a0910482405" providerId="ADAL" clId="{0535744C-C6B1-4286-959A-D93656DE7D58}" dt="2024-04-08T19:20:18.793" v="2038" actId="26606"/>
          <ac:grpSpMkLst>
            <pc:docMk/>
            <pc:sldMk cId="3917159661" sldId="286"/>
            <ac:grpSpMk id="7" creationId="{2109F83F-40FE-4DB3-84CC-09FB3340D06D}"/>
          </ac:grpSpMkLst>
        </pc:grpChg>
        <pc:grpChg chg="add del">
          <ac:chgData name="Kelepiri, Zoi" userId="87bd0bed-c9e6-4c02-915b-1a0910482405" providerId="ADAL" clId="{0535744C-C6B1-4286-959A-D93656DE7D58}" dt="2024-04-08T19:19:54.245" v="2032" actId="26606"/>
          <ac:grpSpMkLst>
            <pc:docMk/>
            <pc:sldMk cId="3917159661" sldId="286"/>
            <ac:grpSpMk id="11" creationId="{EB0D40EF-BA14-42F1-9492-D38C59DCAB67}"/>
          </ac:grpSpMkLst>
        </pc:grpChg>
        <pc:picChg chg="add del mod">
          <ac:chgData name="Kelepiri, Zoi" userId="87bd0bed-c9e6-4c02-915b-1a0910482405" providerId="ADAL" clId="{0535744C-C6B1-4286-959A-D93656DE7D58}" dt="2024-04-08T18:50:47.974" v="1675" actId="478"/>
          <ac:picMkLst>
            <pc:docMk/>
            <pc:sldMk cId="3917159661" sldId="286"/>
            <ac:picMk id="3" creationId="{0AD5877C-CBB9-00BC-8064-A0603F3B076A}"/>
          </ac:picMkLst>
        </pc:picChg>
        <pc:picChg chg="add mod ord">
          <ac:chgData name="Kelepiri, Zoi" userId="87bd0bed-c9e6-4c02-915b-1a0910482405" providerId="ADAL" clId="{0535744C-C6B1-4286-959A-D93656DE7D58}" dt="2024-04-08T19:20:25.458" v="2041" actId="1076"/>
          <ac:picMkLst>
            <pc:docMk/>
            <pc:sldMk cId="3917159661" sldId="286"/>
            <ac:picMk id="4" creationId="{16AF788A-F64A-655A-7128-939ABF5743BE}"/>
          </ac:picMkLst>
        </pc:picChg>
        <pc:picChg chg="add del mod modCrop">
          <ac:chgData name="Kelepiri, Zoi" userId="87bd0bed-c9e6-4c02-915b-1a0910482405" providerId="ADAL" clId="{0535744C-C6B1-4286-959A-D93656DE7D58}" dt="2024-04-08T20:18:44.649" v="2387" actId="478"/>
          <ac:picMkLst>
            <pc:docMk/>
            <pc:sldMk cId="3917159661" sldId="286"/>
            <ac:picMk id="6" creationId="{D914753B-B557-642D-1E64-10778C99988C}"/>
          </ac:picMkLst>
        </pc:picChg>
        <pc:picChg chg="add mod">
          <ac:chgData name="Kelepiri, Zoi" userId="87bd0bed-c9e6-4c02-915b-1a0910482405" providerId="ADAL" clId="{0535744C-C6B1-4286-959A-D93656DE7D58}" dt="2024-04-09T15:25:52.997" v="9576" actId="1076"/>
          <ac:picMkLst>
            <pc:docMk/>
            <pc:sldMk cId="3917159661" sldId="286"/>
            <ac:picMk id="10" creationId="{A3C05405-9AAC-16E8-DFA8-91787322170B}"/>
          </ac:picMkLst>
        </pc:picChg>
        <pc:picChg chg="add mod">
          <ac:chgData name="Kelepiri, Zoi" userId="87bd0bed-c9e6-4c02-915b-1a0910482405" providerId="ADAL" clId="{0535744C-C6B1-4286-959A-D93656DE7D58}" dt="2024-04-09T15:25:58.215" v="9580" actId="1076"/>
          <ac:picMkLst>
            <pc:docMk/>
            <pc:sldMk cId="3917159661" sldId="286"/>
            <ac:picMk id="29" creationId="{F4435525-D7F5-AA18-AEAD-086E0EA4ECAB}"/>
          </ac:picMkLst>
        </pc:picChg>
      </pc:sldChg>
      <pc:sldChg chg="addSp delSp modSp new mod chgLayout">
        <pc:chgData name="Kelepiri, Zoi" userId="87bd0bed-c9e6-4c02-915b-1a0910482405" providerId="ADAL" clId="{0535744C-C6B1-4286-959A-D93656DE7D58}" dt="2024-04-10T08:24:49.572" v="13989" actId="255"/>
        <pc:sldMkLst>
          <pc:docMk/>
          <pc:sldMk cId="2980081121" sldId="287"/>
        </pc:sldMkLst>
        <pc:spChg chg="mod ord">
          <ac:chgData name="Kelepiri, Zoi" userId="87bd0bed-c9e6-4c02-915b-1a0910482405" providerId="ADAL" clId="{0535744C-C6B1-4286-959A-D93656DE7D58}" dt="2024-04-08T19:09:29.301" v="1716" actId="14100"/>
          <ac:spMkLst>
            <pc:docMk/>
            <pc:sldMk cId="2980081121" sldId="287"/>
            <ac:spMk id="2" creationId="{67D87E2C-B6F3-2649-6D5F-2B939FC885AA}"/>
          </ac:spMkLst>
        </pc:spChg>
        <pc:spChg chg="del">
          <ac:chgData name="Kelepiri, Zoi" userId="87bd0bed-c9e6-4c02-915b-1a0910482405" providerId="ADAL" clId="{0535744C-C6B1-4286-959A-D93656DE7D58}" dt="2024-04-06T13:44:27.844" v="483" actId="22"/>
          <ac:spMkLst>
            <pc:docMk/>
            <pc:sldMk cId="2980081121" sldId="287"/>
            <ac:spMk id="3" creationId="{E160FAED-65E0-BF7A-CAE7-F2CC4206EBCC}"/>
          </ac:spMkLst>
        </pc:spChg>
        <pc:spChg chg="add mod">
          <ac:chgData name="Kelepiri, Zoi" userId="87bd0bed-c9e6-4c02-915b-1a0910482405" providerId="ADAL" clId="{0535744C-C6B1-4286-959A-D93656DE7D58}" dt="2024-04-10T08:24:49.572" v="13989" actId="255"/>
          <ac:spMkLst>
            <pc:docMk/>
            <pc:sldMk cId="2980081121" sldId="287"/>
            <ac:spMk id="10" creationId="{4C5816C9-582A-FAE5-68CD-397927FAAE37}"/>
          </ac:spMkLst>
        </pc:spChg>
        <pc:spChg chg="add mod">
          <ac:chgData name="Kelepiri, Zoi" userId="87bd0bed-c9e6-4c02-915b-1a0910482405" providerId="ADAL" clId="{0535744C-C6B1-4286-959A-D93656DE7D58}" dt="2024-04-09T19:45:52.829" v="13957" actId="113"/>
          <ac:spMkLst>
            <pc:docMk/>
            <pc:sldMk cId="2980081121" sldId="287"/>
            <ac:spMk id="11" creationId="{E21DE761-B19C-0E0F-89B1-22758C35893C}"/>
          </ac:spMkLst>
        </pc:spChg>
        <pc:spChg chg="add mod">
          <ac:chgData name="Kelepiri, Zoi" userId="87bd0bed-c9e6-4c02-915b-1a0910482405" providerId="ADAL" clId="{0535744C-C6B1-4286-959A-D93656DE7D58}" dt="2024-04-10T08:24:44.562" v="13988" actId="255"/>
          <ac:spMkLst>
            <pc:docMk/>
            <pc:sldMk cId="2980081121" sldId="287"/>
            <ac:spMk id="13" creationId="{9BF6528F-3391-6D95-C00E-D1DD03DA50C7}"/>
          </ac:spMkLst>
        </pc:spChg>
        <pc:picChg chg="add del mod">
          <ac:chgData name="Kelepiri, Zoi" userId="87bd0bed-c9e6-4c02-915b-1a0910482405" providerId="ADAL" clId="{0535744C-C6B1-4286-959A-D93656DE7D58}" dt="2024-04-08T18:57:52.962" v="1696" actId="478"/>
          <ac:picMkLst>
            <pc:docMk/>
            <pc:sldMk cId="2980081121" sldId="287"/>
            <ac:picMk id="3" creationId="{97438B99-EDC4-1410-DBBA-9541346EE08C}"/>
          </ac:picMkLst>
        </pc:picChg>
        <pc:picChg chg="add del mod">
          <ac:chgData name="Kelepiri, Zoi" userId="87bd0bed-c9e6-4c02-915b-1a0910482405" providerId="ADAL" clId="{0535744C-C6B1-4286-959A-D93656DE7D58}" dt="2024-04-08T19:17:09.745" v="1999" actId="478"/>
          <ac:picMkLst>
            <pc:docMk/>
            <pc:sldMk cId="2980081121" sldId="287"/>
            <ac:picMk id="4" creationId="{4F48E4B3-52FC-D191-C414-743A28917D9E}"/>
          </ac:picMkLst>
        </pc:picChg>
        <pc:picChg chg="add mod ord">
          <ac:chgData name="Kelepiri, Zoi" userId="87bd0bed-c9e6-4c02-915b-1a0910482405" providerId="ADAL" clId="{0535744C-C6B1-4286-959A-D93656DE7D58}" dt="2024-04-09T19:49:07.458" v="13967" actId="1076"/>
          <ac:picMkLst>
            <pc:docMk/>
            <pc:sldMk cId="2980081121" sldId="287"/>
            <ac:picMk id="5" creationId="{5E2419AF-1D4E-2C86-02F3-EC25CD9E3573}"/>
          </ac:picMkLst>
        </pc:picChg>
        <pc:picChg chg="add mod modCrop">
          <ac:chgData name="Kelepiri, Zoi" userId="87bd0bed-c9e6-4c02-915b-1a0910482405" providerId="ADAL" clId="{0535744C-C6B1-4286-959A-D93656DE7D58}" dt="2024-04-08T19:33:13.205" v="2194" actId="1076"/>
          <ac:picMkLst>
            <pc:docMk/>
            <pc:sldMk cId="2980081121" sldId="287"/>
            <ac:picMk id="7" creationId="{414CA4C7-48DE-ECB7-86E6-EA6C247B161A}"/>
          </ac:picMkLst>
        </pc:picChg>
        <pc:picChg chg="add del mod">
          <ac:chgData name="Kelepiri, Zoi" userId="87bd0bed-c9e6-4c02-915b-1a0910482405" providerId="ADAL" clId="{0535744C-C6B1-4286-959A-D93656DE7D58}" dt="2024-04-08T19:17:11.439" v="2000" actId="478"/>
          <ac:picMkLst>
            <pc:docMk/>
            <pc:sldMk cId="2980081121" sldId="287"/>
            <ac:picMk id="8" creationId="{F8DFD5E4-A3D0-85B6-B89E-A043E445FD76}"/>
          </ac:picMkLst>
        </pc:picChg>
        <pc:picChg chg="add del mod">
          <ac:chgData name="Kelepiri, Zoi" userId="87bd0bed-c9e6-4c02-915b-1a0910482405" providerId="ADAL" clId="{0535744C-C6B1-4286-959A-D93656DE7D58}" dt="2024-04-08T18:48:17.996" v="1658" actId="478"/>
          <ac:picMkLst>
            <pc:docMk/>
            <pc:sldMk cId="2980081121" sldId="287"/>
            <ac:picMk id="9" creationId="{B4F42ABD-DA72-B8DC-97A2-EAF7C0EB39D7}"/>
          </ac:picMkLst>
        </pc:picChg>
        <pc:picChg chg="add del mod modCrop">
          <ac:chgData name="Kelepiri, Zoi" userId="87bd0bed-c9e6-4c02-915b-1a0910482405" providerId="ADAL" clId="{0535744C-C6B1-4286-959A-D93656DE7D58}" dt="2024-04-09T15:40:03.191" v="10906" actId="478"/>
          <ac:picMkLst>
            <pc:docMk/>
            <pc:sldMk cId="2980081121" sldId="287"/>
            <ac:picMk id="15" creationId="{9AFFDF90-992C-3176-8B4A-3D7729BCABC9}"/>
          </ac:picMkLst>
        </pc:picChg>
        <pc:picChg chg="add del mod">
          <ac:chgData name="Kelepiri, Zoi" userId="87bd0bed-c9e6-4c02-915b-1a0910482405" providerId="ADAL" clId="{0535744C-C6B1-4286-959A-D93656DE7D58}" dt="2024-04-09T15:40:03.794" v="10907" actId="478"/>
          <ac:picMkLst>
            <pc:docMk/>
            <pc:sldMk cId="2980081121" sldId="287"/>
            <ac:picMk id="16" creationId="{7191F2FC-B6B8-D55B-380C-E1FC10B0543D}"/>
          </ac:picMkLst>
        </pc:picChg>
        <pc:picChg chg="add mod">
          <ac:chgData name="Kelepiri, Zoi" userId="87bd0bed-c9e6-4c02-915b-1a0910482405" providerId="ADAL" clId="{0535744C-C6B1-4286-959A-D93656DE7D58}" dt="2024-04-09T15:46:28.586" v="11530" actId="1076"/>
          <ac:picMkLst>
            <pc:docMk/>
            <pc:sldMk cId="2980081121" sldId="287"/>
            <ac:picMk id="18" creationId="{930856ED-90E3-5CB1-05FF-D6F08B7CF02F}"/>
          </ac:picMkLst>
        </pc:picChg>
        <pc:picChg chg="add mod">
          <ac:chgData name="Kelepiri, Zoi" userId="87bd0bed-c9e6-4c02-915b-1a0910482405" providerId="ADAL" clId="{0535744C-C6B1-4286-959A-D93656DE7D58}" dt="2024-04-09T15:46:26.762" v="11529" actId="1076"/>
          <ac:picMkLst>
            <pc:docMk/>
            <pc:sldMk cId="2980081121" sldId="287"/>
            <ac:picMk id="20" creationId="{97DFB409-CE26-68C3-84AA-D933777F1226}"/>
          </ac:picMkLst>
        </pc:picChg>
        <pc:picChg chg="add del">
          <ac:chgData name="Kelepiri, Zoi" userId="87bd0bed-c9e6-4c02-915b-1a0910482405" providerId="ADAL" clId="{0535744C-C6B1-4286-959A-D93656DE7D58}" dt="2024-04-09T15:46:39.732" v="11536" actId="478"/>
          <ac:picMkLst>
            <pc:docMk/>
            <pc:sldMk cId="2980081121" sldId="287"/>
            <ac:picMk id="22" creationId="{1F793C07-37BD-D3D2-A0B2-567F1C78DF2E}"/>
          </ac:picMkLst>
        </pc:picChg>
        <pc:picChg chg="add mod">
          <ac:chgData name="Kelepiri, Zoi" userId="87bd0bed-c9e6-4c02-915b-1a0910482405" providerId="ADAL" clId="{0535744C-C6B1-4286-959A-D93656DE7D58}" dt="2024-04-09T15:46:33.545" v="11534" actId="1076"/>
          <ac:picMkLst>
            <pc:docMk/>
            <pc:sldMk cId="2980081121" sldId="287"/>
            <ac:picMk id="24" creationId="{DF2C9772-CF86-79AF-430F-9D908CE20165}"/>
          </ac:picMkLst>
        </pc:picChg>
      </pc:sldChg>
      <pc:sldChg chg="addSp delSp modSp new mod">
        <pc:chgData name="Kelepiri, Zoi" userId="87bd0bed-c9e6-4c02-915b-1a0910482405" providerId="ADAL" clId="{0535744C-C6B1-4286-959A-D93656DE7D58}" dt="2024-04-10T08:25:05.017" v="13991" actId="255"/>
        <pc:sldMkLst>
          <pc:docMk/>
          <pc:sldMk cId="1089116451" sldId="288"/>
        </pc:sldMkLst>
        <pc:spChg chg="mod">
          <ac:chgData name="Kelepiri, Zoi" userId="87bd0bed-c9e6-4c02-915b-1a0910482405" providerId="ADAL" clId="{0535744C-C6B1-4286-959A-D93656DE7D58}" dt="2024-04-09T15:30:37.239" v="10384" actId="1076"/>
          <ac:spMkLst>
            <pc:docMk/>
            <pc:sldMk cId="1089116451" sldId="288"/>
            <ac:spMk id="2" creationId="{CB4E4F0C-E939-2F91-E1B3-8E5D363FA067}"/>
          </ac:spMkLst>
        </pc:spChg>
        <pc:spChg chg="del mod">
          <ac:chgData name="Kelepiri, Zoi" userId="87bd0bed-c9e6-4c02-915b-1a0910482405" providerId="ADAL" clId="{0535744C-C6B1-4286-959A-D93656DE7D58}" dt="2024-04-06T13:43:55.937" v="480" actId="22"/>
          <ac:spMkLst>
            <pc:docMk/>
            <pc:sldMk cId="1089116451" sldId="288"/>
            <ac:spMk id="3" creationId="{C8C27FEC-7923-BB7D-4711-6E1877D856A4}"/>
          </ac:spMkLst>
        </pc:spChg>
        <pc:spChg chg="add mod">
          <ac:chgData name="Kelepiri, Zoi" userId="87bd0bed-c9e6-4c02-915b-1a0910482405" providerId="ADAL" clId="{0535744C-C6B1-4286-959A-D93656DE7D58}" dt="2024-04-09T19:45:59.805" v="13959" actId="113"/>
          <ac:spMkLst>
            <pc:docMk/>
            <pc:sldMk cId="1089116451" sldId="288"/>
            <ac:spMk id="7" creationId="{FA9EE243-6E31-723C-2D85-A5AF67BDDE04}"/>
          </ac:spMkLst>
        </pc:spChg>
        <pc:spChg chg="add mod">
          <ac:chgData name="Kelepiri, Zoi" userId="87bd0bed-c9e6-4c02-915b-1a0910482405" providerId="ADAL" clId="{0535744C-C6B1-4286-959A-D93656DE7D58}" dt="2024-04-09T19:46:04.157" v="13961" actId="113"/>
          <ac:spMkLst>
            <pc:docMk/>
            <pc:sldMk cId="1089116451" sldId="288"/>
            <ac:spMk id="8" creationId="{8CF29F71-812A-697E-6C93-6BC169484EF7}"/>
          </ac:spMkLst>
        </pc:spChg>
        <pc:spChg chg="add mod">
          <ac:chgData name="Kelepiri, Zoi" userId="87bd0bed-c9e6-4c02-915b-1a0910482405" providerId="ADAL" clId="{0535744C-C6B1-4286-959A-D93656DE7D58}" dt="2024-04-09T19:46:01.545" v="13960" actId="113"/>
          <ac:spMkLst>
            <pc:docMk/>
            <pc:sldMk cId="1089116451" sldId="288"/>
            <ac:spMk id="10" creationId="{FC9765BF-6661-5EAF-0438-D25CE147160E}"/>
          </ac:spMkLst>
        </pc:spChg>
        <pc:spChg chg="add mod">
          <ac:chgData name="Kelepiri, Zoi" userId="87bd0bed-c9e6-4c02-915b-1a0910482405" providerId="ADAL" clId="{0535744C-C6B1-4286-959A-D93656DE7D58}" dt="2024-04-10T08:24:55.372" v="13990" actId="255"/>
          <ac:spMkLst>
            <pc:docMk/>
            <pc:sldMk cId="1089116451" sldId="288"/>
            <ac:spMk id="16" creationId="{EF398970-F472-3037-C775-DC7F38E1DD0F}"/>
          </ac:spMkLst>
        </pc:spChg>
        <pc:spChg chg="add mod">
          <ac:chgData name="Kelepiri, Zoi" userId="87bd0bed-c9e6-4c02-915b-1a0910482405" providerId="ADAL" clId="{0535744C-C6B1-4286-959A-D93656DE7D58}" dt="2024-04-10T08:25:05.017" v="13991" actId="255"/>
          <ac:spMkLst>
            <pc:docMk/>
            <pc:sldMk cId="1089116451" sldId="288"/>
            <ac:spMk id="17" creationId="{442E82FE-EFD9-C50F-6EB6-9B325BA53DC6}"/>
          </ac:spMkLst>
        </pc:spChg>
        <pc:picChg chg="add del mod">
          <ac:chgData name="Kelepiri, Zoi" userId="87bd0bed-c9e6-4c02-915b-1a0910482405" providerId="ADAL" clId="{0535744C-C6B1-4286-959A-D93656DE7D58}" dt="2024-04-08T19:16:37.308" v="1998" actId="478"/>
          <ac:picMkLst>
            <pc:docMk/>
            <pc:sldMk cId="1089116451" sldId="288"/>
            <ac:picMk id="3" creationId="{62586752-8C42-F4D4-1B6F-1FDF123BAA7B}"/>
          </ac:picMkLst>
        </pc:picChg>
        <pc:picChg chg="add mod ord">
          <ac:chgData name="Kelepiri, Zoi" userId="87bd0bed-c9e6-4c02-915b-1a0910482405" providerId="ADAL" clId="{0535744C-C6B1-4286-959A-D93656DE7D58}" dt="2024-04-09T19:46:11.668" v="13963" actId="1076"/>
          <ac:picMkLst>
            <pc:docMk/>
            <pc:sldMk cId="1089116451" sldId="288"/>
            <ac:picMk id="5" creationId="{1EF85803-CCFA-747C-DEEF-566FD12B4E8F}"/>
          </ac:picMkLst>
        </pc:picChg>
        <pc:picChg chg="add del mod">
          <ac:chgData name="Kelepiri, Zoi" userId="87bd0bed-c9e6-4c02-915b-1a0910482405" providerId="ADAL" clId="{0535744C-C6B1-4286-959A-D93656DE7D58}" dt="2024-04-09T15:41:04.365" v="11106" actId="478"/>
          <ac:picMkLst>
            <pc:docMk/>
            <pc:sldMk cId="1089116451" sldId="288"/>
            <ac:picMk id="6" creationId="{9644E46B-E5C7-4494-566D-B11D53352449}"/>
          </ac:picMkLst>
        </pc:picChg>
        <pc:picChg chg="add del mod">
          <ac:chgData name="Kelepiri, Zoi" userId="87bd0bed-c9e6-4c02-915b-1a0910482405" providerId="ADAL" clId="{0535744C-C6B1-4286-959A-D93656DE7D58}" dt="2024-04-06T13:46:14.365" v="490" actId="478"/>
          <ac:picMkLst>
            <pc:docMk/>
            <pc:sldMk cId="1089116451" sldId="288"/>
            <ac:picMk id="7" creationId="{64838D1C-9F4E-518F-A6D5-36337E900B1D}"/>
          </ac:picMkLst>
        </pc:picChg>
        <pc:picChg chg="add del mod">
          <ac:chgData name="Kelepiri, Zoi" userId="87bd0bed-c9e6-4c02-915b-1a0910482405" providerId="ADAL" clId="{0535744C-C6B1-4286-959A-D93656DE7D58}" dt="2024-04-08T20:23:46.939" v="2438" actId="478"/>
          <ac:picMkLst>
            <pc:docMk/>
            <pc:sldMk cId="1089116451" sldId="288"/>
            <ac:picMk id="9" creationId="{1F8CE1E3-DA8E-F4E9-7CC9-A3347A60E6EB}"/>
          </ac:picMkLst>
        </pc:picChg>
        <pc:picChg chg="add del mod">
          <ac:chgData name="Kelepiri, Zoi" userId="87bd0bed-c9e6-4c02-915b-1a0910482405" providerId="ADAL" clId="{0535744C-C6B1-4286-959A-D93656DE7D58}" dt="2024-04-08T19:34:00.654" v="2203" actId="478"/>
          <ac:picMkLst>
            <pc:docMk/>
            <pc:sldMk cId="1089116451" sldId="288"/>
            <ac:picMk id="11" creationId="{A10732AC-DF97-8F3B-19BC-FF985DDC7EAD}"/>
          </ac:picMkLst>
        </pc:picChg>
        <pc:picChg chg="add del mod">
          <ac:chgData name="Kelepiri, Zoi" userId="87bd0bed-c9e6-4c02-915b-1a0910482405" providerId="ADAL" clId="{0535744C-C6B1-4286-959A-D93656DE7D58}" dt="2024-04-08T19:16:36" v="1997" actId="478"/>
          <ac:picMkLst>
            <pc:docMk/>
            <pc:sldMk cId="1089116451" sldId="288"/>
            <ac:picMk id="13" creationId="{96D3B660-CAAE-2E8C-D9FE-EDFE85DF7D0E}"/>
          </ac:picMkLst>
        </pc:picChg>
        <pc:picChg chg="add mod">
          <ac:chgData name="Kelepiri, Zoi" userId="87bd0bed-c9e6-4c02-915b-1a0910482405" providerId="ADAL" clId="{0535744C-C6B1-4286-959A-D93656DE7D58}" dt="2024-04-09T15:30:40.004" v="10385" actId="1076"/>
          <ac:picMkLst>
            <pc:docMk/>
            <pc:sldMk cId="1089116451" sldId="288"/>
            <ac:picMk id="14" creationId="{50A55C5E-234A-6C84-B7C3-B4A86B744703}"/>
          </ac:picMkLst>
        </pc:picChg>
        <pc:picChg chg="add del mod">
          <ac:chgData name="Kelepiri, Zoi" userId="87bd0bed-c9e6-4c02-915b-1a0910482405" providerId="ADAL" clId="{0535744C-C6B1-4286-959A-D93656DE7D58}" dt="2024-04-08T18:56:57.167" v="1680" actId="478"/>
          <ac:picMkLst>
            <pc:docMk/>
            <pc:sldMk cId="1089116451" sldId="288"/>
            <ac:picMk id="15" creationId="{CC448C72-99B6-8B0C-9583-D6E3319483E2}"/>
          </ac:picMkLst>
        </pc:picChg>
        <pc:picChg chg="add mod">
          <ac:chgData name="Kelepiri, Zoi" userId="87bd0bed-c9e6-4c02-915b-1a0910482405" providerId="ADAL" clId="{0535744C-C6B1-4286-959A-D93656DE7D58}" dt="2024-04-09T15:44:44.146" v="11447" actId="1076"/>
          <ac:picMkLst>
            <pc:docMk/>
            <pc:sldMk cId="1089116451" sldId="288"/>
            <ac:picMk id="19" creationId="{5F6101CC-19F3-5353-E7FD-0F26CF9FA83F}"/>
          </ac:picMkLst>
        </pc:picChg>
      </pc:sldChg>
      <pc:sldChg chg="addSp delSp modSp new mod modClrScheme chgLayout">
        <pc:chgData name="Kelepiri, Zoi" userId="87bd0bed-c9e6-4c02-915b-1a0910482405" providerId="ADAL" clId="{0535744C-C6B1-4286-959A-D93656DE7D58}" dt="2024-04-08T13:42:59.070" v="1013" actId="255"/>
        <pc:sldMkLst>
          <pc:docMk/>
          <pc:sldMk cId="3509569579" sldId="289"/>
        </pc:sldMkLst>
        <pc:spChg chg="del mod ord">
          <ac:chgData name="Kelepiri, Zoi" userId="87bd0bed-c9e6-4c02-915b-1a0910482405" providerId="ADAL" clId="{0535744C-C6B1-4286-959A-D93656DE7D58}" dt="2024-04-06T09:30:30.522" v="182" actId="700"/>
          <ac:spMkLst>
            <pc:docMk/>
            <pc:sldMk cId="3509569579" sldId="289"/>
            <ac:spMk id="2" creationId="{14B0BC63-1034-1B56-4610-48FC35EEC85B}"/>
          </ac:spMkLst>
        </pc:spChg>
        <pc:spChg chg="del">
          <ac:chgData name="Kelepiri, Zoi" userId="87bd0bed-c9e6-4c02-915b-1a0910482405" providerId="ADAL" clId="{0535744C-C6B1-4286-959A-D93656DE7D58}" dt="2024-04-06T09:30:30.522" v="182" actId="700"/>
          <ac:spMkLst>
            <pc:docMk/>
            <pc:sldMk cId="3509569579" sldId="289"/>
            <ac:spMk id="3" creationId="{C895BBAC-E556-88FA-D741-B96DFB0571E7}"/>
          </ac:spMkLst>
        </pc:spChg>
        <pc:spChg chg="add mod ord">
          <ac:chgData name="Kelepiri, Zoi" userId="87bd0bed-c9e6-4c02-915b-1a0910482405" providerId="ADAL" clId="{0535744C-C6B1-4286-959A-D93656DE7D58}" dt="2024-04-08T13:42:59.070" v="1013" actId="255"/>
          <ac:spMkLst>
            <pc:docMk/>
            <pc:sldMk cId="3509569579" sldId="289"/>
            <ac:spMk id="4" creationId="{ECF93E37-21A3-55B0-C4F6-B189B22FD7E5}"/>
          </ac:spMkLst>
        </pc:spChg>
      </pc:sldChg>
      <pc:sldChg chg="addSp delSp modSp new mod modClrScheme chgLayout">
        <pc:chgData name="Kelepiri, Zoi" userId="87bd0bed-c9e6-4c02-915b-1a0910482405" providerId="ADAL" clId="{0535744C-C6B1-4286-959A-D93656DE7D58}" dt="2024-04-09T19:05:01.702" v="11595" actId="20577"/>
        <pc:sldMkLst>
          <pc:docMk/>
          <pc:sldMk cId="717890901" sldId="290"/>
        </pc:sldMkLst>
        <pc:spChg chg="del mod ord">
          <ac:chgData name="Kelepiri, Zoi" userId="87bd0bed-c9e6-4c02-915b-1a0910482405" providerId="ADAL" clId="{0535744C-C6B1-4286-959A-D93656DE7D58}" dt="2024-04-09T11:20:05.008" v="2527" actId="700"/>
          <ac:spMkLst>
            <pc:docMk/>
            <pc:sldMk cId="717890901" sldId="290"/>
            <ac:spMk id="2" creationId="{76B67099-6B75-D320-E8F4-3C98FE8E35E4}"/>
          </ac:spMkLst>
        </pc:spChg>
        <pc:spChg chg="del mod ord">
          <ac:chgData name="Kelepiri, Zoi" userId="87bd0bed-c9e6-4c02-915b-1a0910482405" providerId="ADAL" clId="{0535744C-C6B1-4286-959A-D93656DE7D58}" dt="2024-04-09T11:20:05.008" v="2527" actId="700"/>
          <ac:spMkLst>
            <pc:docMk/>
            <pc:sldMk cId="717890901" sldId="290"/>
            <ac:spMk id="3" creationId="{90115FD4-FFF9-1117-B502-79D3C65F8A45}"/>
          </ac:spMkLst>
        </pc:spChg>
        <pc:spChg chg="add mod ord">
          <ac:chgData name="Kelepiri, Zoi" userId="87bd0bed-c9e6-4c02-915b-1a0910482405" providerId="ADAL" clId="{0535744C-C6B1-4286-959A-D93656DE7D58}" dt="2024-04-09T19:04:22.740" v="11567" actId="20577"/>
          <ac:spMkLst>
            <pc:docMk/>
            <pc:sldMk cId="717890901" sldId="290"/>
            <ac:spMk id="4" creationId="{04319DA6-9C54-42A3-A9FC-6A86C9074435}"/>
          </ac:spMkLst>
        </pc:spChg>
        <pc:spChg chg="add mod ord">
          <ac:chgData name="Kelepiri, Zoi" userId="87bd0bed-c9e6-4c02-915b-1a0910482405" providerId="ADAL" clId="{0535744C-C6B1-4286-959A-D93656DE7D58}" dt="2024-04-09T19:05:01.702" v="11595" actId="20577"/>
          <ac:spMkLst>
            <pc:docMk/>
            <pc:sldMk cId="717890901" sldId="290"/>
            <ac:spMk id="5" creationId="{ED23EB83-C0DC-79D8-48DA-FC78E6EC7FFB}"/>
          </ac:spMkLst>
        </pc:spChg>
      </pc:sldChg>
      <pc:sldChg chg="addSp delSp modSp new mod">
        <pc:chgData name="Kelepiri, Zoi" userId="87bd0bed-c9e6-4c02-915b-1a0910482405" providerId="ADAL" clId="{0535744C-C6B1-4286-959A-D93656DE7D58}" dt="2024-04-09T19:35:01.718" v="13767" actId="14100"/>
        <pc:sldMkLst>
          <pc:docMk/>
          <pc:sldMk cId="1835304976" sldId="291"/>
        </pc:sldMkLst>
        <pc:spChg chg="mod">
          <ac:chgData name="Kelepiri, Zoi" userId="87bd0bed-c9e6-4c02-915b-1a0910482405" providerId="ADAL" clId="{0535744C-C6B1-4286-959A-D93656DE7D58}" dt="2024-04-09T12:02:04.039" v="4612" actId="27636"/>
          <ac:spMkLst>
            <pc:docMk/>
            <pc:sldMk cId="1835304976" sldId="291"/>
            <ac:spMk id="2" creationId="{5A68532E-C45D-F0F5-60BE-6418FC81042C}"/>
          </ac:spMkLst>
        </pc:spChg>
        <pc:spChg chg="del">
          <ac:chgData name="Kelepiri, Zoi" userId="87bd0bed-c9e6-4c02-915b-1a0910482405" providerId="ADAL" clId="{0535744C-C6B1-4286-959A-D93656DE7D58}" dt="2024-04-09T11:59:07.959" v="4177" actId="3680"/>
          <ac:spMkLst>
            <pc:docMk/>
            <pc:sldMk cId="1835304976" sldId="291"/>
            <ac:spMk id="3" creationId="{F6D16467-9E36-5BB4-E436-9F9584C07819}"/>
          </ac:spMkLst>
        </pc:spChg>
        <pc:spChg chg="add del mod">
          <ac:chgData name="Kelepiri, Zoi" userId="87bd0bed-c9e6-4c02-915b-1a0910482405" providerId="ADAL" clId="{0535744C-C6B1-4286-959A-D93656DE7D58}" dt="2024-04-09T12:02:59.342" v="4625" actId="478"/>
          <ac:spMkLst>
            <pc:docMk/>
            <pc:sldMk cId="1835304976" sldId="291"/>
            <ac:spMk id="7" creationId="{E5DB8D07-B0DB-E775-4991-C861412A3E04}"/>
          </ac:spMkLst>
        </pc:spChg>
        <pc:graphicFrameChg chg="add del mod ord modGraphic">
          <ac:chgData name="Kelepiri, Zoi" userId="87bd0bed-c9e6-4c02-915b-1a0910482405" providerId="ADAL" clId="{0535744C-C6B1-4286-959A-D93656DE7D58}" dt="2024-04-09T12:02:55.789" v="4623" actId="478"/>
          <ac:graphicFrameMkLst>
            <pc:docMk/>
            <pc:sldMk cId="1835304976" sldId="291"/>
            <ac:graphicFrameMk id="4" creationId="{061D91DA-0712-3FFB-DEAC-22E5A1573BD1}"/>
          </ac:graphicFrameMkLst>
        </pc:graphicFrameChg>
        <pc:graphicFrameChg chg="add mod modGraphic">
          <ac:chgData name="Kelepiri, Zoi" userId="87bd0bed-c9e6-4c02-915b-1a0910482405" providerId="ADAL" clId="{0535744C-C6B1-4286-959A-D93656DE7D58}" dt="2024-04-09T19:35:01.718" v="13767" actId="14100"/>
          <ac:graphicFrameMkLst>
            <pc:docMk/>
            <pc:sldMk cId="1835304976" sldId="291"/>
            <ac:graphicFrameMk id="5" creationId="{81570342-9FAB-E670-9C11-34E444E57C59}"/>
          </ac:graphicFrameMkLst>
        </pc:graphicFrameChg>
      </pc:sldChg>
      <pc:sldChg chg="addSp delSp modSp new mod">
        <pc:chgData name="Kelepiri, Zoi" userId="87bd0bed-c9e6-4c02-915b-1a0910482405" providerId="ADAL" clId="{0535744C-C6B1-4286-959A-D93656DE7D58}" dt="2024-04-09T19:35:30.271" v="13769"/>
        <pc:sldMkLst>
          <pc:docMk/>
          <pc:sldMk cId="260969002" sldId="292"/>
        </pc:sldMkLst>
        <pc:spChg chg="mod">
          <ac:chgData name="Kelepiri, Zoi" userId="87bd0bed-c9e6-4c02-915b-1a0910482405" providerId="ADAL" clId="{0535744C-C6B1-4286-959A-D93656DE7D58}" dt="2024-04-09T13:02:15.056" v="4753" actId="255"/>
          <ac:spMkLst>
            <pc:docMk/>
            <pc:sldMk cId="260969002" sldId="292"/>
            <ac:spMk id="2" creationId="{E62A581B-CE2F-1000-0A6F-23D27A99980F}"/>
          </ac:spMkLst>
        </pc:spChg>
        <pc:spChg chg="del mod">
          <ac:chgData name="Kelepiri, Zoi" userId="87bd0bed-c9e6-4c02-915b-1a0910482405" providerId="ADAL" clId="{0535744C-C6B1-4286-959A-D93656DE7D58}" dt="2024-04-09T13:02:38.480" v="4755" actId="22"/>
          <ac:spMkLst>
            <pc:docMk/>
            <pc:sldMk cId="260969002" sldId="292"/>
            <ac:spMk id="3" creationId="{32915624-7374-2EC5-042E-5D8152D832AC}"/>
          </ac:spMkLst>
        </pc:spChg>
        <pc:spChg chg="add mod">
          <ac:chgData name="Kelepiri, Zoi" userId="87bd0bed-c9e6-4c02-915b-1a0910482405" providerId="ADAL" clId="{0535744C-C6B1-4286-959A-D93656DE7D58}" dt="2024-04-09T19:35:30.271" v="13769"/>
          <ac:spMkLst>
            <pc:docMk/>
            <pc:sldMk cId="260969002" sldId="292"/>
            <ac:spMk id="8" creationId="{527EE2B0-4E37-07C2-FACD-BC27B54F50F6}"/>
          </ac:spMkLst>
        </pc:spChg>
        <pc:picChg chg="add mod ord">
          <ac:chgData name="Kelepiri, Zoi" userId="87bd0bed-c9e6-4c02-915b-1a0910482405" providerId="ADAL" clId="{0535744C-C6B1-4286-959A-D93656DE7D58}" dt="2024-04-09T13:03:53.112" v="4769" actId="1076"/>
          <ac:picMkLst>
            <pc:docMk/>
            <pc:sldMk cId="260969002" sldId="292"/>
            <ac:picMk id="5" creationId="{7303CE47-58A1-E7C1-E445-1F910BEA054B}"/>
          </ac:picMkLst>
        </pc:picChg>
        <pc:picChg chg="add mod modCrop">
          <ac:chgData name="Kelepiri, Zoi" userId="87bd0bed-c9e6-4c02-915b-1a0910482405" providerId="ADAL" clId="{0535744C-C6B1-4286-959A-D93656DE7D58}" dt="2024-04-09T13:03:51.667" v="4768" actId="1076"/>
          <ac:picMkLst>
            <pc:docMk/>
            <pc:sldMk cId="260969002" sldId="292"/>
            <ac:picMk id="7" creationId="{6B3B31F2-6142-CE64-2327-9930B298453F}"/>
          </ac:picMkLst>
        </pc:picChg>
      </pc:sldChg>
      <pc:sldChg chg="addSp delSp modSp new mod">
        <pc:chgData name="Kelepiri, Zoi" userId="87bd0bed-c9e6-4c02-915b-1a0910482405" providerId="ADAL" clId="{0535744C-C6B1-4286-959A-D93656DE7D58}" dt="2024-04-10T08:23:08.449" v="13970" actId="255"/>
        <pc:sldMkLst>
          <pc:docMk/>
          <pc:sldMk cId="21458047" sldId="293"/>
        </pc:sldMkLst>
        <pc:spChg chg="mod">
          <ac:chgData name="Kelepiri, Zoi" userId="87bd0bed-c9e6-4c02-915b-1a0910482405" providerId="ADAL" clId="{0535744C-C6B1-4286-959A-D93656DE7D58}" dt="2024-04-09T13:10:57.535" v="5076" actId="14100"/>
          <ac:spMkLst>
            <pc:docMk/>
            <pc:sldMk cId="21458047" sldId="293"/>
            <ac:spMk id="2" creationId="{EBF9D2E2-96B6-41CA-F1F4-0791AF5DB3DB}"/>
          </ac:spMkLst>
        </pc:spChg>
        <pc:spChg chg="del">
          <ac:chgData name="Kelepiri, Zoi" userId="87bd0bed-c9e6-4c02-915b-1a0910482405" providerId="ADAL" clId="{0535744C-C6B1-4286-959A-D93656DE7D58}" dt="2024-04-09T13:11:03.200" v="5078"/>
          <ac:spMkLst>
            <pc:docMk/>
            <pc:sldMk cId="21458047" sldId="293"/>
            <ac:spMk id="3" creationId="{BA5A2B88-55AB-9CCC-3C09-68641CCCFC64}"/>
          </ac:spMkLst>
        </pc:spChg>
        <pc:spChg chg="add del mod">
          <ac:chgData name="Kelepiri, Zoi" userId="87bd0bed-c9e6-4c02-915b-1a0910482405" providerId="ADAL" clId="{0535744C-C6B1-4286-959A-D93656DE7D58}" dt="2024-04-09T13:11:09" v="5080" actId="478"/>
          <ac:spMkLst>
            <pc:docMk/>
            <pc:sldMk cId="21458047" sldId="293"/>
            <ac:spMk id="4" creationId="{FE6E1120-E274-C935-946F-60202E7711D1}"/>
          </ac:spMkLst>
        </pc:spChg>
        <pc:spChg chg="add del mod">
          <ac:chgData name="Kelepiri, Zoi" userId="87bd0bed-c9e6-4c02-915b-1a0910482405" providerId="ADAL" clId="{0535744C-C6B1-4286-959A-D93656DE7D58}" dt="2024-04-09T13:11:11.058" v="5082" actId="478"/>
          <ac:spMkLst>
            <pc:docMk/>
            <pc:sldMk cId="21458047" sldId="293"/>
            <ac:spMk id="6" creationId="{681624E5-EDFC-D3A0-693A-ACD9145E5FB5}"/>
          </ac:spMkLst>
        </pc:spChg>
        <pc:spChg chg="add mod">
          <ac:chgData name="Kelepiri, Zoi" userId="87bd0bed-c9e6-4c02-915b-1a0910482405" providerId="ADAL" clId="{0535744C-C6B1-4286-959A-D93656DE7D58}" dt="2024-04-09T19:40:44.139" v="13890" actId="1076"/>
          <ac:spMkLst>
            <pc:docMk/>
            <pc:sldMk cId="21458047" sldId="293"/>
            <ac:spMk id="7" creationId="{E56D5EA6-F5B0-172F-18C4-A69C9AE9A5DF}"/>
          </ac:spMkLst>
        </pc:spChg>
        <pc:spChg chg="add mod">
          <ac:chgData name="Kelepiri, Zoi" userId="87bd0bed-c9e6-4c02-915b-1a0910482405" providerId="ADAL" clId="{0535744C-C6B1-4286-959A-D93656DE7D58}" dt="2024-04-09T19:40:46.571" v="13891" actId="1076"/>
          <ac:spMkLst>
            <pc:docMk/>
            <pc:sldMk cId="21458047" sldId="293"/>
            <ac:spMk id="10" creationId="{E32747B0-514B-4CC4-CA36-7CE856D78687}"/>
          </ac:spMkLst>
        </pc:spChg>
        <pc:spChg chg="add mod">
          <ac:chgData name="Kelepiri, Zoi" userId="87bd0bed-c9e6-4c02-915b-1a0910482405" providerId="ADAL" clId="{0535744C-C6B1-4286-959A-D93656DE7D58}" dt="2024-04-10T08:23:08.449" v="13970" actId="255"/>
          <ac:spMkLst>
            <pc:docMk/>
            <pc:sldMk cId="21458047" sldId="293"/>
            <ac:spMk id="11" creationId="{E050926C-DDE1-4DDD-7645-FC6CE45C67D6}"/>
          </ac:spMkLst>
        </pc:spChg>
        <pc:picChg chg="add del mod">
          <ac:chgData name="Kelepiri, Zoi" userId="87bd0bed-c9e6-4c02-915b-1a0910482405" providerId="ADAL" clId="{0535744C-C6B1-4286-959A-D93656DE7D58}" dt="2024-04-09T19:42:22.787" v="13904" actId="478"/>
          <ac:picMkLst>
            <pc:docMk/>
            <pc:sldMk cId="21458047" sldId="293"/>
            <ac:picMk id="8" creationId="{22E81B3F-F8EE-1884-9930-382BD32D6242}"/>
          </ac:picMkLst>
        </pc:picChg>
        <pc:picChg chg="add mod">
          <ac:chgData name="Kelepiri, Zoi" userId="87bd0bed-c9e6-4c02-915b-1a0910482405" providerId="ADAL" clId="{0535744C-C6B1-4286-959A-D93656DE7D58}" dt="2024-04-09T19:43:25.319" v="13919" actId="1076"/>
          <ac:picMkLst>
            <pc:docMk/>
            <pc:sldMk cId="21458047" sldId="293"/>
            <ac:picMk id="9" creationId="{2B26E079-14FF-638E-F848-1D2673A0EFA4}"/>
          </ac:picMkLst>
        </pc:picChg>
        <pc:picChg chg="add mod">
          <ac:chgData name="Kelepiri, Zoi" userId="87bd0bed-c9e6-4c02-915b-1a0910482405" providerId="ADAL" clId="{0535744C-C6B1-4286-959A-D93656DE7D58}" dt="2024-04-09T19:43:24.463" v="13918" actId="1076"/>
          <ac:picMkLst>
            <pc:docMk/>
            <pc:sldMk cId="21458047" sldId="293"/>
            <ac:picMk id="13" creationId="{5256FFCB-2102-09A5-CA87-0703388A8763}"/>
          </ac:picMkLst>
        </pc:picChg>
      </pc:sldChg>
      <pc:sldChg chg="addSp delSp modSp new mod">
        <pc:chgData name="Kelepiri, Zoi" userId="87bd0bed-c9e6-4c02-915b-1a0910482405" providerId="ADAL" clId="{0535744C-C6B1-4286-959A-D93656DE7D58}" dt="2024-04-09T19:44:32.572" v="13937" actId="1076"/>
        <pc:sldMkLst>
          <pc:docMk/>
          <pc:sldMk cId="524827485" sldId="294"/>
        </pc:sldMkLst>
        <pc:spChg chg="mod">
          <ac:chgData name="Kelepiri, Zoi" userId="87bd0bed-c9e6-4c02-915b-1a0910482405" providerId="ADAL" clId="{0535744C-C6B1-4286-959A-D93656DE7D58}" dt="2024-04-09T14:06:19.542" v="6182" actId="14100"/>
          <ac:spMkLst>
            <pc:docMk/>
            <pc:sldMk cId="524827485" sldId="294"/>
            <ac:spMk id="2" creationId="{3738F0E6-69D3-C8F3-B05D-3EC7D5D2058B}"/>
          </ac:spMkLst>
        </pc:spChg>
        <pc:spChg chg="del mod">
          <ac:chgData name="Kelepiri, Zoi" userId="87bd0bed-c9e6-4c02-915b-1a0910482405" providerId="ADAL" clId="{0535744C-C6B1-4286-959A-D93656DE7D58}" dt="2024-04-09T14:06:21.609" v="6184" actId="478"/>
          <ac:spMkLst>
            <pc:docMk/>
            <pc:sldMk cId="524827485" sldId="294"/>
            <ac:spMk id="3" creationId="{76CB2B9D-23CD-92CE-974C-FC63D034B9E6}"/>
          </ac:spMkLst>
        </pc:spChg>
        <pc:spChg chg="add mod">
          <ac:chgData name="Kelepiri, Zoi" userId="87bd0bed-c9e6-4c02-915b-1a0910482405" providerId="ADAL" clId="{0535744C-C6B1-4286-959A-D93656DE7D58}" dt="2024-04-09T19:44:23.871" v="13935" actId="113"/>
          <ac:spMkLst>
            <pc:docMk/>
            <pc:sldMk cId="524827485" sldId="294"/>
            <ac:spMk id="7" creationId="{881B46E7-C2F3-9337-7A54-3590AFB7F3D5}"/>
          </ac:spMkLst>
        </pc:spChg>
        <pc:spChg chg="add mod">
          <ac:chgData name="Kelepiri, Zoi" userId="87bd0bed-c9e6-4c02-915b-1a0910482405" providerId="ADAL" clId="{0535744C-C6B1-4286-959A-D93656DE7D58}" dt="2024-04-09T19:44:32.572" v="13937" actId="1076"/>
          <ac:spMkLst>
            <pc:docMk/>
            <pc:sldMk cId="524827485" sldId="294"/>
            <ac:spMk id="8" creationId="{5A90B979-F36C-9525-917C-D5DAFE7F567A}"/>
          </ac:spMkLst>
        </pc:spChg>
        <pc:picChg chg="add mod">
          <ac:chgData name="Kelepiri, Zoi" userId="87bd0bed-c9e6-4c02-915b-1a0910482405" providerId="ADAL" clId="{0535744C-C6B1-4286-959A-D93656DE7D58}" dt="2024-04-09T14:07:30.648" v="6202" actId="1076"/>
          <ac:picMkLst>
            <pc:docMk/>
            <pc:sldMk cId="524827485" sldId="294"/>
            <ac:picMk id="5" creationId="{2DF9BE06-4EF2-77ED-F3D4-683EAFF96D16}"/>
          </ac:picMkLst>
        </pc:picChg>
      </pc:sldChg>
      <pc:sldChg chg="addSp delSp modSp new mod">
        <pc:chgData name="Kelepiri, Zoi" userId="87bd0bed-c9e6-4c02-915b-1a0910482405" providerId="ADAL" clId="{0535744C-C6B1-4286-959A-D93656DE7D58}" dt="2024-04-10T08:24:22.040" v="13983" actId="255"/>
        <pc:sldMkLst>
          <pc:docMk/>
          <pc:sldMk cId="1424681669" sldId="295"/>
        </pc:sldMkLst>
        <pc:spChg chg="mod">
          <ac:chgData name="Kelepiri, Zoi" userId="87bd0bed-c9e6-4c02-915b-1a0910482405" providerId="ADAL" clId="{0535744C-C6B1-4286-959A-D93656DE7D58}" dt="2024-04-09T14:49:28.348" v="9114" actId="1076"/>
          <ac:spMkLst>
            <pc:docMk/>
            <pc:sldMk cId="1424681669" sldId="295"/>
            <ac:spMk id="2" creationId="{0F6116E4-9A87-1B8E-CDD7-0B933A70737C}"/>
          </ac:spMkLst>
        </pc:spChg>
        <pc:spChg chg="del mod">
          <ac:chgData name="Kelepiri, Zoi" userId="87bd0bed-c9e6-4c02-915b-1a0910482405" providerId="ADAL" clId="{0535744C-C6B1-4286-959A-D93656DE7D58}" dt="2024-04-09T14:09:48.617" v="6452" actId="478"/>
          <ac:spMkLst>
            <pc:docMk/>
            <pc:sldMk cId="1424681669" sldId="295"/>
            <ac:spMk id="3" creationId="{E36054F1-50FD-5840-194F-9762B7D13684}"/>
          </ac:spMkLst>
        </pc:spChg>
        <pc:spChg chg="add mod">
          <ac:chgData name="Kelepiri, Zoi" userId="87bd0bed-c9e6-4c02-915b-1a0910482405" providerId="ADAL" clId="{0535744C-C6B1-4286-959A-D93656DE7D58}" dt="2024-04-09T19:45:27.344" v="13951" actId="113"/>
          <ac:spMkLst>
            <pc:docMk/>
            <pc:sldMk cId="1424681669" sldId="295"/>
            <ac:spMk id="8" creationId="{839F2269-CAC7-E4DD-8211-72CE3A9B1B5E}"/>
          </ac:spMkLst>
        </pc:spChg>
        <pc:spChg chg="add mod">
          <ac:chgData name="Kelepiri, Zoi" userId="87bd0bed-c9e6-4c02-915b-1a0910482405" providerId="ADAL" clId="{0535744C-C6B1-4286-959A-D93656DE7D58}" dt="2024-04-10T08:24:14.685" v="13981" actId="255"/>
          <ac:spMkLst>
            <pc:docMk/>
            <pc:sldMk cId="1424681669" sldId="295"/>
            <ac:spMk id="9" creationId="{5E47C09F-71DB-2319-17AD-7728D41F0E74}"/>
          </ac:spMkLst>
        </pc:spChg>
        <pc:spChg chg="add del mod">
          <ac:chgData name="Kelepiri, Zoi" userId="87bd0bed-c9e6-4c02-915b-1a0910482405" providerId="ADAL" clId="{0535744C-C6B1-4286-959A-D93656DE7D58}" dt="2024-04-09T15:19:21.879" v="9205" actId="478"/>
          <ac:spMkLst>
            <pc:docMk/>
            <pc:sldMk cId="1424681669" sldId="295"/>
            <ac:spMk id="12" creationId="{96A8FDCB-195D-8015-FFED-5A34207C5465}"/>
          </ac:spMkLst>
        </pc:spChg>
        <pc:spChg chg="add mod">
          <ac:chgData name="Kelepiri, Zoi" userId="87bd0bed-c9e6-4c02-915b-1a0910482405" providerId="ADAL" clId="{0535744C-C6B1-4286-959A-D93656DE7D58}" dt="2024-04-10T08:24:18.339" v="13982" actId="255"/>
          <ac:spMkLst>
            <pc:docMk/>
            <pc:sldMk cId="1424681669" sldId="295"/>
            <ac:spMk id="13" creationId="{5F8994CD-8802-DDFA-ED82-D83038D04FAF}"/>
          </ac:spMkLst>
        </pc:spChg>
        <pc:spChg chg="add mod">
          <ac:chgData name="Kelepiri, Zoi" userId="87bd0bed-c9e6-4c02-915b-1a0910482405" providerId="ADAL" clId="{0535744C-C6B1-4286-959A-D93656DE7D58}" dt="2024-04-10T08:24:22.040" v="13983" actId="255"/>
          <ac:spMkLst>
            <pc:docMk/>
            <pc:sldMk cId="1424681669" sldId="295"/>
            <ac:spMk id="15" creationId="{F89DF00F-D9DD-F0AC-4297-2D5C3FDD906B}"/>
          </ac:spMkLst>
        </pc:spChg>
        <pc:picChg chg="add mod">
          <ac:chgData name="Kelepiri, Zoi" userId="87bd0bed-c9e6-4c02-915b-1a0910482405" providerId="ADAL" clId="{0535744C-C6B1-4286-959A-D93656DE7D58}" dt="2024-04-09T14:49:35.111" v="9116" actId="1076"/>
          <ac:picMkLst>
            <pc:docMk/>
            <pc:sldMk cId="1424681669" sldId="295"/>
            <ac:picMk id="5" creationId="{F53E987D-2867-0390-3A70-D29220755F8E}"/>
          </ac:picMkLst>
        </pc:picChg>
        <pc:picChg chg="add del">
          <ac:chgData name="Kelepiri, Zoi" userId="87bd0bed-c9e6-4c02-915b-1a0910482405" providerId="ADAL" clId="{0535744C-C6B1-4286-959A-D93656DE7D58}" dt="2024-04-09T14:11:55.099" v="6457" actId="22"/>
          <ac:picMkLst>
            <pc:docMk/>
            <pc:sldMk cId="1424681669" sldId="295"/>
            <ac:picMk id="7" creationId="{D897FC01-B548-3A7D-4C44-8413CB808B8E}"/>
          </ac:picMkLst>
        </pc:picChg>
        <pc:picChg chg="add mod">
          <ac:chgData name="Kelepiri, Zoi" userId="87bd0bed-c9e6-4c02-915b-1a0910482405" providerId="ADAL" clId="{0535744C-C6B1-4286-959A-D93656DE7D58}" dt="2024-04-09T15:18:56.852" v="9200" actId="1076"/>
          <ac:picMkLst>
            <pc:docMk/>
            <pc:sldMk cId="1424681669" sldId="295"/>
            <ac:picMk id="10" creationId="{46725A44-27DF-60E6-11C7-7D4EBB620CBD}"/>
          </ac:picMkLst>
        </pc:picChg>
        <pc:picChg chg="add mod">
          <ac:chgData name="Kelepiri, Zoi" userId="87bd0bed-c9e6-4c02-915b-1a0910482405" providerId="ADAL" clId="{0535744C-C6B1-4286-959A-D93656DE7D58}" dt="2024-04-09T15:20:32.239" v="9300" actId="1076"/>
          <ac:picMkLst>
            <pc:docMk/>
            <pc:sldMk cId="1424681669" sldId="295"/>
            <ac:picMk id="11" creationId="{819AAFAF-5072-8D78-6264-631CE1CE11C6}"/>
          </ac:picMkLst>
        </pc:picChg>
      </pc:sldChg>
      <pc:sldChg chg="addSp modSp new mod">
        <pc:chgData name="Kelepiri, Zoi" userId="87bd0bed-c9e6-4c02-915b-1a0910482405" providerId="ADAL" clId="{0535744C-C6B1-4286-959A-D93656DE7D58}" dt="2024-04-10T08:27:18.305" v="13996" actId="1076"/>
        <pc:sldMkLst>
          <pc:docMk/>
          <pc:sldMk cId="3419814146" sldId="296"/>
        </pc:sldMkLst>
        <pc:spChg chg="mod">
          <ac:chgData name="Kelepiri, Zoi" userId="87bd0bed-c9e6-4c02-915b-1a0910482405" providerId="ADAL" clId="{0535744C-C6B1-4286-959A-D93656DE7D58}" dt="2024-04-09T19:12:44.624" v="12537" actId="20577"/>
          <ac:spMkLst>
            <pc:docMk/>
            <pc:sldMk cId="3419814146" sldId="296"/>
            <ac:spMk id="2" creationId="{41FD09BB-979D-014B-0C91-A116CABBF675}"/>
          </ac:spMkLst>
        </pc:spChg>
        <pc:spChg chg="mod">
          <ac:chgData name="Kelepiri, Zoi" userId="87bd0bed-c9e6-4c02-915b-1a0910482405" providerId="ADAL" clId="{0535744C-C6B1-4286-959A-D93656DE7D58}" dt="2024-04-09T19:11:46.783" v="12508" actId="20577"/>
          <ac:spMkLst>
            <pc:docMk/>
            <pc:sldMk cId="3419814146" sldId="296"/>
            <ac:spMk id="3" creationId="{2BB91BAB-2B24-5B47-8B7D-264D75717772}"/>
          </ac:spMkLst>
        </pc:spChg>
        <pc:picChg chg="add mod">
          <ac:chgData name="Kelepiri, Zoi" userId="87bd0bed-c9e6-4c02-915b-1a0910482405" providerId="ADAL" clId="{0535744C-C6B1-4286-959A-D93656DE7D58}" dt="2024-04-10T08:27:14.277" v="13995" actId="1076"/>
          <ac:picMkLst>
            <pc:docMk/>
            <pc:sldMk cId="3419814146" sldId="296"/>
            <ac:picMk id="5" creationId="{A9E01BC5-C981-4563-2FBC-981BBD12205C}"/>
          </ac:picMkLst>
        </pc:picChg>
        <pc:picChg chg="add mod">
          <ac:chgData name="Kelepiri, Zoi" userId="87bd0bed-c9e6-4c02-915b-1a0910482405" providerId="ADAL" clId="{0535744C-C6B1-4286-959A-D93656DE7D58}" dt="2024-04-10T08:27:18.305" v="13996" actId="1076"/>
          <ac:picMkLst>
            <pc:docMk/>
            <pc:sldMk cId="3419814146" sldId="296"/>
            <ac:picMk id="6" creationId="{5C7D4170-FC3A-2883-983A-84154B346C35}"/>
          </ac:picMkLst>
        </pc:picChg>
      </pc:sldChg>
      <pc:sldChg chg="addSp delSp modSp new mod setBg">
        <pc:chgData name="Kelepiri, Zoi" userId="87bd0bed-c9e6-4c02-915b-1a0910482405" providerId="ADAL" clId="{0535744C-C6B1-4286-959A-D93656DE7D58}" dt="2024-04-09T19:31:13" v="13731" actId="1076"/>
        <pc:sldMkLst>
          <pc:docMk/>
          <pc:sldMk cId="2755348425" sldId="297"/>
        </pc:sldMkLst>
        <pc:spChg chg="mod">
          <ac:chgData name="Kelepiri, Zoi" userId="87bd0bed-c9e6-4c02-915b-1a0910482405" providerId="ADAL" clId="{0535744C-C6B1-4286-959A-D93656DE7D58}" dt="2024-04-09T19:19:06.983" v="13260" actId="1076"/>
          <ac:spMkLst>
            <pc:docMk/>
            <pc:sldMk cId="2755348425" sldId="297"/>
            <ac:spMk id="2" creationId="{3B1CDE54-30CF-8466-5F2A-6E6AD8E3E4B7}"/>
          </ac:spMkLst>
        </pc:spChg>
        <pc:spChg chg="mod">
          <ac:chgData name="Kelepiri, Zoi" userId="87bd0bed-c9e6-4c02-915b-1a0910482405" providerId="ADAL" clId="{0535744C-C6B1-4286-959A-D93656DE7D58}" dt="2024-04-09T19:19:13.611" v="13263" actId="123"/>
          <ac:spMkLst>
            <pc:docMk/>
            <pc:sldMk cId="2755348425" sldId="297"/>
            <ac:spMk id="3" creationId="{531FA951-858A-E813-C70B-6F68923812F2}"/>
          </ac:spMkLst>
        </pc:spChg>
        <pc:picChg chg="add del mod">
          <ac:chgData name="Kelepiri, Zoi" userId="87bd0bed-c9e6-4c02-915b-1a0910482405" providerId="ADAL" clId="{0535744C-C6B1-4286-959A-D93656DE7D58}" dt="2024-04-09T19:30:46.404" v="13726" actId="478"/>
          <ac:picMkLst>
            <pc:docMk/>
            <pc:sldMk cId="2755348425" sldId="297"/>
            <ac:picMk id="5" creationId="{D17CBF66-5B58-561F-0A7D-5FFB21448BF5}"/>
          </ac:picMkLst>
        </pc:picChg>
        <pc:picChg chg="add mod">
          <ac:chgData name="Kelepiri, Zoi" userId="87bd0bed-c9e6-4c02-915b-1a0910482405" providerId="ADAL" clId="{0535744C-C6B1-4286-959A-D93656DE7D58}" dt="2024-04-09T19:31:13" v="13731" actId="1076"/>
          <ac:picMkLst>
            <pc:docMk/>
            <pc:sldMk cId="2755348425" sldId="297"/>
            <ac:picMk id="7" creationId="{719C5F4B-7B81-DA61-E15C-6E07F4B81523}"/>
          </ac:picMkLst>
        </pc:picChg>
      </pc:sldChg>
      <pc:sldChg chg="addSp modSp new mod setBg">
        <pc:chgData name="Kelepiri, Zoi" userId="87bd0bed-c9e6-4c02-915b-1a0910482405" providerId="ADAL" clId="{0535744C-C6B1-4286-959A-D93656DE7D58}" dt="2024-04-09T19:23:12.939" v="13661" actId="1076"/>
        <pc:sldMkLst>
          <pc:docMk/>
          <pc:sldMk cId="21393699" sldId="298"/>
        </pc:sldMkLst>
        <pc:spChg chg="mod">
          <ac:chgData name="Kelepiri, Zoi" userId="87bd0bed-c9e6-4c02-915b-1a0910482405" providerId="ADAL" clId="{0535744C-C6B1-4286-959A-D93656DE7D58}" dt="2024-04-09T19:23:01.931" v="13657" actId="14100"/>
          <ac:spMkLst>
            <pc:docMk/>
            <pc:sldMk cId="21393699" sldId="298"/>
            <ac:spMk id="2" creationId="{E3E5E1E8-76BA-212E-0C21-4C959656DD4F}"/>
          </ac:spMkLst>
        </pc:spChg>
        <pc:spChg chg="mod">
          <ac:chgData name="Kelepiri, Zoi" userId="87bd0bed-c9e6-4c02-915b-1a0910482405" providerId="ADAL" clId="{0535744C-C6B1-4286-959A-D93656DE7D58}" dt="2024-04-09T19:23:12.939" v="13661" actId="1076"/>
          <ac:spMkLst>
            <pc:docMk/>
            <pc:sldMk cId="21393699" sldId="298"/>
            <ac:spMk id="3" creationId="{FAC6BE44-BA7E-36D0-4253-EAB3D59AA927}"/>
          </ac:spMkLst>
        </pc:spChg>
        <pc:picChg chg="add mod">
          <ac:chgData name="Kelepiri, Zoi" userId="87bd0bed-c9e6-4c02-915b-1a0910482405" providerId="ADAL" clId="{0535744C-C6B1-4286-959A-D93656DE7D58}" dt="2024-04-09T19:23:08.395" v="13660" actId="1076"/>
          <ac:picMkLst>
            <pc:docMk/>
            <pc:sldMk cId="21393699" sldId="298"/>
            <ac:picMk id="5" creationId="{362DCA51-55C8-1500-6EF9-638D38A68D26}"/>
          </ac:picMkLst>
        </pc:picChg>
      </pc:sldChg>
    </pc:docChg>
  </pc:docChgLst>
</pc:chgInfo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32" name="Straight Connector 31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Isosceles Triangle 26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0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1" name="Isosceles Triangle 30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9" name="Isosceles Triangle 18"/>
            <p:cNvSpPr/>
            <p:nvPr/>
          </p:nvSpPr>
          <p:spPr>
            <a:xfrm rot="10800000">
              <a:off x="0" y="0"/>
              <a:ext cx="842596" cy="5666154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07067" y="2404534"/>
            <a:ext cx="7766936" cy="1646302"/>
          </a:xfrm>
        </p:spPr>
        <p:txBody>
          <a:bodyPr anchor="b">
            <a:noAutofit/>
          </a:bodyPr>
          <a:lstStyle>
            <a:lvl1pPr algn="r"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07067" y="4050833"/>
            <a:ext cx="7766936" cy="1096899"/>
          </a:xfrm>
        </p:spPr>
        <p:txBody>
          <a:bodyPr anchor="t"/>
          <a:lstStyle>
            <a:lvl1pPr marL="0" indent="0" algn="r">
              <a:buNone/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6810834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609600"/>
            <a:ext cx="8596668" cy="3403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3960972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366139" y="3632200"/>
            <a:ext cx="7224524" cy="381000"/>
          </a:xfrm>
        </p:spPr>
        <p:txBody>
          <a:bodyPr anchor="ctr">
            <a:noAutofit/>
          </a:bodyPr>
          <a:lstStyle>
            <a:lvl1pPr marL="0" indent="0">
              <a:buFontTx/>
              <a:buNone/>
              <a:defRPr sz="16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  <p:sp>
        <p:nvSpPr>
          <p:cNvPr id="20" name="TextBox 19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latin typeface="Arial"/>
              </a:rPr>
              <a:t>”</a:t>
            </a:r>
            <a:endParaRPr lang="en-US" dirty="0">
              <a:solidFill>
                <a:schemeClr val="accent1">
                  <a:lumMod val="60000"/>
                  <a:lumOff val="40000"/>
                </a:schemeClr>
              </a:solidFill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6250878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1931988"/>
            <a:ext cx="8596668" cy="2595460"/>
          </a:xfrm>
        </p:spPr>
        <p:txBody>
          <a:bodyPr anchor="b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045732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  <p:sp>
        <p:nvSpPr>
          <p:cNvPr id="24" name="TextBox 23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5" name="TextBox 24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266468379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ue or Fa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85799" y="609600"/>
            <a:ext cx="8588203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accent1"/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4688421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5C6B4A9-1611-4792-9094-5F34BCA07E0B}" type="datetimeFigureOut">
              <a:rPr lang="en-US" dirty="0"/>
              <a:t>4/10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9333C77-0158-454C-844F-B7AB9BD7DAD4}" type="slidenum">
              <a:rPr lang="en-US" dirty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4145019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7967673" y="609599"/>
            <a:ext cx="1304743" cy="5251451"/>
          </a:xfrm>
        </p:spPr>
        <p:txBody>
          <a:bodyPr vert="eaVert" anchor="ctr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77335" y="609600"/>
            <a:ext cx="7060150" cy="525145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906282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5864406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36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799064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2700867"/>
            <a:ext cx="8596668" cy="1826581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860400"/>
          </a:xfrm>
        </p:spPr>
        <p:txBody>
          <a:bodyPr anchor="t"/>
          <a:lstStyle>
            <a:lvl1pPr marL="0" indent="0" algn="l">
              <a:buNone/>
              <a:defRPr sz="20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75496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77334" y="2160589"/>
            <a:ext cx="4184035" cy="388077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089970" y="2160589"/>
            <a:ext cx="4184034" cy="388077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B712588-04B1-427B-82EE-E8DB90309F08}" type="datetimeFigureOut">
              <a:rPr lang="en-US" dirty="0"/>
              <a:t>4/10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FF9F0C5-380F-41C2-899A-BAC0F0927E16}" type="slidenum">
              <a:rPr lang="en-US" dirty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0132034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5745" y="2160983"/>
            <a:ext cx="418562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75745" y="2737245"/>
            <a:ext cx="4185623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088383" y="2160983"/>
            <a:ext cx="418561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088384" y="2737245"/>
            <a:ext cx="4185617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8181161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6647774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6505483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1498604"/>
            <a:ext cx="3854528" cy="1278466"/>
          </a:xfrm>
        </p:spPr>
        <p:txBody>
          <a:bodyPr anchor="b">
            <a:normAutofit/>
          </a:bodyPr>
          <a:lstStyle>
            <a:lvl1pPr>
              <a:defRPr sz="20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60461" y="514924"/>
            <a:ext cx="4513541" cy="552643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2777069"/>
            <a:ext cx="3854528" cy="2584449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063" indent="0">
              <a:buNone/>
              <a:defRPr sz="1400"/>
            </a:lvl2pPr>
            <a:lvl3pPr marL="914126" indent="0">
              <a:buNone/>
              <a:defRPr sz="1200"/>
            </a:lvl3pPr>
            <a:lvl4pPr marL="1371189" indent="0">
              <a:buNone/>
              <a:defRPr sz="1000"/>
            </a:lvl4pPr>
            <a:lvl5pPr marL="1828251" indent="0">
              <a:buNone/>
              <a:defRPr sz="1000"/>
            </a:lvl5pPr>
            <a:lvl6pPr marL="2285314" indent="0">
              <a:buNone/>
              <a:defRPr sz="1000"/>
            </a:lvl6pPr>
            <a:lvl7pPr marL="2742377" indent="0">
              <a:buNone/>
              <a:defRPr sz="1000"/>
            </a:lvl7pPr>
            <a:lvl8pPr marL="3199440" indent="0">
              <a:buNone/>
              <a:defRPr sz="1000"/>
            </a:lvl8pPr>
            <a:lvl9pPr marL="3656503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A54C80-263E-416B-A8E0-580EDEADCBDC}" type="datetimeFigureOut">
              <a:rPr lang="en-US" dirty="0"/>
              <a:t>4/10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19954A3-9DFD-4C44-94BA-B95130A3BA1C}" type="slidenum">
              <a:rPr lang="en-US" dirty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81682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4800600"/>
            <a:ext cx="859666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77334" y="609600"/>
            <a:ext cx="8596668" cy="3845718"/>
          </a:xfrm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5367338"/>
            <a:ext cx="8596667" cy="674024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2987034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20" name="Straight Connector 19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3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4" name="Isosceles Triangle 23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5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Isosceles Triangle 27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Isosceles Triangle 28"/>
            <p:cNvSpPr/>
            <p:nvPr/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4" y="2160589"/>
            <a:ext cx="8596668" cy="388077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205133" y="6041362"/>
            <a:ext cx="9119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1BEF0D-F0BB-DE4B-95CE-6DB70DBA9567}" type="datetimeFigureOut">
              <a:rPr lang="en-US" dirty="0"/>
              <a:pPr/>
              <a:t>4/10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677334" y="6041362"/>
            <a:ext cx="6297612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90663" y="6041362"/>
            <a:ext cx="6833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accent1"/>
                </a:solidFill>
              </a:defRPr>
            </a:lvl1pPr>
          </a:lstStyle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41782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5" r:id="rId1"/>
    <p:sldLayoutId id="2147483696" r:id="rId2"/>
    <p:sldLayoutId id="2147483697" r:id="rId3"/>
    <p:sldLayoutId id="2147483698" r:id="rId4"/>
    <p:sldLayoutId id="2147483699" r:id="rId5"/>
    <p:sldLayoutId id="2147483700" r:id="rId6"/>
    <p:sldLayoutId id="2147483701" r:id="rId7"/>
    <p:sldLayoutId id="2147483702" r:id="rId8"/>
    <p:sldLayoutId id="2147483703" r:id="rId9"/>
    <p:sldLayoutId id="2147483704" r:id="rId10"/>
    <p:sldLayoutId id="2147483705" r:id="rId11"/>
    <p:sldLayoutId id="2147483706" r:id="rId12"/>
    <p:sldLayoutId id="2147483707" r:id="rId13"/>
    <p:sldLayoutId id="2147483708" r:id="rId14"/>
    <p:sldLayoutId id="2147483709" r:id="rId15"/>
    <p:sldLayoutId id="2147483710" r:id="rId16"/>
    <p:sldLayoutId id="2147483693" r:id="rId17"/>
  </p:sldLayoutIdLst>
  <p:transition>
    <p:fade/>
  </p:transition>
  <p:txStyles>
    <p:titleStyle>
      <a:lvl1pPr algn="l" defTabSz="457200" rtl="0" eaLnBrk="1" latinLnBrk="0" hangingPunct="1"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8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6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png"/><Relationship Id="rId7" Type="http://schemas.openxmlformats.org/officeDocument/2006/relationships/image" Target="../media/image30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29.png"/><Relationship Id="rId11" Type="http://schemas.openxmlformats.org/officeDocument/2006/relationships/image" Target="../media/image34.png"/><Relationship Id="rId5" Type="http://schemas.openxmlformats.org/officeDocument/2006/relationships/image" Target="../media/image28.png"/><Relationship Id="rId10" Type="http://schemas.openxmlformats.org/officeDocument/2006/relationships/image" Target="../media/image33.png"/><Relationship Id="rId4" Type="http://schemas.openxmlformats.org/officeDocument/2006/relationships/image" Target="../media/image27.png"/><Relationship Id="rId9" Type="http://schemas.openxmlformats.org/officeDocument/2006/relationships/image" Target="../media/image32.png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36.png"/><Relationship Id="rId7" Type="http://schemas.openxmlformats.org/officeDocument/2006/relationships/image" Target="../media/image40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39.png"/><Relationship Id="rId5" Type="http://schemas.openxmlformats.org/officeDocument/2006/relationships/image" Target="../media/image38.png"/><Relationship Id="rId4" Type="http://schemas.openxmlformats.org/officeDocument/2006/relationships/image" Target="../media/image37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43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5.png"/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47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png"/><Relationship Id="rId2" Type="http://schemas.openxmlformats.org/officeDocument/2006/relationships/image" Target="../media/image48.png"/><Relationship Id="rId1" Type="http://schemas.openxmlformats.org/officeDocument/2006/relationships/slideLayout" Target="../slideLayouts/slideLayout2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2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2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2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4.png"/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2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6.png"/><Relationship Id="rId2" Type="http://schemas.openxmlformats.org/officeDocument/2006/relationships/image" Target="../media/image55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57.png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8.png"/><Relationship Id="rId1" Type="http://schemas.openxmlformats.org/officeDocument/2006/relationships/slideLayout" Target="../slideLayouts/slideLayout2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2" Type="http://schemas.openxmlformats.org/officeDocument/2006/relationships/image" Target="../media/image59.png"/><Relationship Id="rId1" Type="http://schemas.openxmlformats.org/officeDocument/2006/relationships/slideLayout" Target="../slideLayouts/slideLayout2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1.png"/><Relationship Id="rId2" Type="http://schemas.openxmlformats.org/officeDocument/2006/relationships/image" Target="../media/image60.pn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3.png"/><Relationship Id="rId2" Type="http://schemas.openxmlformats.org/officeDocument/2006/relationships/image" Target="../media/image62.png"/><Relationship Id="rId1" Type="http://schemas.openxmlformats.org/officeDocument/2006/relationships/slideLayout" Target="../slideLayouts/slideLayout2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5.png"/><Relationship Id="rId2" Type="http://schemas.openxmlformats.org/officeDocument/2006/relationships/image" Target="../media/image64.pn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67.png"/><Relationship Id="rId4" Type="http://schemas.openxmlformats.org/officeDocument/2006/relationships/image" Target="../media/image66.png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9.png"/><Relationship Id="rId2" Type="http://schemas.openxmlformats.org/officeDocument/2006/relationships/image" Target="../media/image68.png"/><Relationship Id="rId1" Type="http://schemas.openxmlformats.org/officeDocument/2006/relationships/slideLayout" Target="../slideLayouts/slideLayout2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1.png"/><Relationship Id="rId2" Type="http://schemas.openxmlformats.org/officeDocument/2006/relationships/image" Target="../media/image70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1.png"/><Relationship Id="rId5" Type="http://schemas.openxmlformats.org/officeDocument/2006/relationships/image" Target="../media/image73.png"/><Relationship Id="rId4" Type="http://schemas.openxmlformats.org/officeDocument/2006/relationships/image" Target="../media/image72.png"/></Relationships>
</file>

<file path=ppt/slides/_rels/slide35.xml.rels><?xml version="1.0" encoding="UTF-8" standalone="yes"?>
<Relationships xmlns="http://schemas.openxmlformats.org/package/2006/relationships"><Relationship Id="rId8" Type="http://schemas.openxmlformats.org/officeDocument/2006/relationships/image" Target="../media/image79.png"/><Relationship Id="rId3" Type="http://schemas.openxmlformats.org/officeDocument/2006/relationships/image" Target="../media/image75.png"/><Relationship Id="rId7" Type="http://schemas.openxmlformats.org/officeDocument/2006/relationships/image" Target="../media/image64.png"/><Relationship Id="rId2" Type="http://schemas.openxmlformats.org/officeDocument/2006/relationships/image" Target="../media/image74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78.png"/><Relationship Id="rId5" Type="http://schemas.openxmlformats.org/officeDocument/2006/relationships/image" Target="../media/image77.png"/><Relationship Id="rId4" Type="http://schemas.openxmlformats.org/officeDocument/2006/relationships/image" Target="../media/image76.png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0.png"/><Relationship Id="rId1" Type="http://schemas.openxmlformats.org/officeDocument/2006/relationships/slideLayout" Target="../slideLayouts/slideLayout2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2.png"/><Relationship Id="rId2" Type="http://schemas.openxmlformats.org/officeDocument/2006/relationships/image" Target="../media/image8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1.png"/><Relationship Id="rId5" Type="http://schemas.openxmlformats.org/officeDocument/2006/relationships/image" Target="../media/image84.png"/><Relationship Id="rId4" Type="http://schemas.openxmlformats.org/officeDocument/2006/relationships/image" Target="../media/image83.png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6.png"/><Relationship Id="rId2" Type="http://schemas.openxmlformats.org/officeDocument/2006/relationships/image" Target="../media/image85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70.png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6.png"/><Relationship Id="rId2" Type="http://schemas.openxmlformats.org/officeDocument/2006/relationships/image" Target="../media/image87.pn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2.png"/><Relationship Id="rId2" Type="http://schemas.openxmlformats.org/officeDocument/2006/relationships/image" Target="../media/image88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89.png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1.png"/><Relationship Id="rId2" Type="http://schemas.openxmlformats.org/officeDocument/2006/relationships/image" Target="../media/image90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94.png"/><Relationship Id="rId5" Type="http://schemas.openxmlformats.org/officeDocument/2006/relationships/image" Target="../media/image93.png"/><Relationship Id="rId4" Type="http://schemas.openxmlformats.org/officeDocument/2006/relationships/image" Target="../media/image92.png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6.png"/><Relationship Id="rId2" Type="http://schemas.openxmlformats.org/officeDocument/2006/relationships/image" Target="../media/image95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97.png"/></Relationships>
</file>

<file path=ppt/slides/_rels/slide4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7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11.png"/><Relationship Id="rId4" Type="http://schemas.openxmlformats.org/officeDocument/2006/relationships/image" Target="../media/image10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E3B3E1-3E8D-A904-16B4-8354365722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07067" y="2517604"/>
            <a:ext cx="7766936" cy="911396"/>
          </a:xfrm>
        </p:spPr>
        <p:txBody>
          <a:bodyPr/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Εργασία </a:t>
            </a:r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AIML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50A6B82E-30BA-257C-BEF6-D5A99F9DE16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07067" y="4873793"/>
            <a:ext cx="7766936" cy="1096899"/>
          </a:xfrm>
        </p:spPr>
        <p:txBody>
          <a:bodyPr/>
          <a:lstStyle/>
          <a:p>
            <a:r>
              <a:rPr lang="el-GR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Ονοματεπώνυμο: Ζωή Κελεπίρη</a:t>
            </a:r>
          </a:p>
          <a:p>
            <a:r>
              <a:rPr lang="el-GR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ΑΕΜ: 78</a:t>
            </a:r>
            <a:endParaRPr lang="en-US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68893696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38420B-BAC6-D204-1CC1-D95CD2AA8D6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1120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2b. Topic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1F583787-D198-62DA-4BE9-36C2CD07623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841468" y="1721767"/>
            <a:ext cx="2559182" cy="1358970"/>
          </a:xfr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DDB425AC-FF77-8C00-9722-044C14C54841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3588"/>
          <a:stretch/>
        </p:blipFill>
        <p:spPr>
          <a:xfrm>
            <a:off x="841468" y="3337207"/>
            <a:ext cx="2559182" cy="2324219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0BBA98A4-5690-808C-96FD-97E835606C2D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4046" b="3493"/>
          <a:stretch/>
        </p:blipFill>
        <p:spPr>
          <a:xfrm>
            <a:off x="4650069" y="1661439"/>
            <a:ext cx="2673487" cy="147962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19836B6B-E77F-0E54-424D-F0F297062B5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650069" y="3324505"/>
            <a:ext cx="2654436" cy="23496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617274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0D42F4A-5E30-938D-E74B-226DE36206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99254" y="586857"/>
            <a:ext cx="8596668" cy="556373"/>
          </a:xfrm>
        </p:spPr>
        <p:txBody>
          <a:bodyPr>
            <a:noAutofit/>
          </a:bodyPr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3a. Set</a:t>
            </a:r>
          </a:p>
        </p:txBody>
      </p:sp>
      <p:pic>
        <p:nvPicPr>
          <p:cNvPr id="8" name="Content Placeholder 7" descr="A white background with black text&#10;&#10;Description automatically generated">
            <a:extLst>
              <a:ext uri="{FF2B5EF4-FFF2-40B4-BE49-F238E27FC236}">
                <a16:creationId xmlns:a16="http://schemas.microsoft.com/office/drawing/2014/main" id="{0D9FA1D9-2CE9-D0CA-5C9F-DC0700E7242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r="62708" b="62152"/>
          <a:stretch/>
        </p:blipFill>
        <p:spPr>
          <a:xfrm>
            <a:off x="981335" y="1668897"/>
            <a:ext cx="5188681" cy="2137775"/>
          </a:xfrm>
        </p:spPr>
      </p:pic>
      <p:pic>
        <p:nvPicPr>
          <p:cNvPr id="10" name="Picture 9" descr="A white background with black text&#10;&#10;Description automatically generated">
            <a:extLst>
              <a:ext uri="{FF2B5EF4-FFF2-40B4-BE49-F238E27FC236}">
                <a16:creationId xmlns:a16="http://schemas.microsoft.com/office/drawing/2014/main" id="{62683400-E868-B1D8-B088-98FFA4D98BB4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62961" b="73232"/>
          <a:stretch/>
        </p:blipFill>
        <p:spPr>
          <a:xfrm>
            <a:off x="981335" y="4482316"/>
            <a:ext cx="6062513" cy="1778667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B14D8E56-4980-4744-BC2F-E9B894DFD56D}"/>
              </a:ext>
            </a:extLst>
          </p:cNvPr>
          <p:cNvSpPr txBox="1"/>
          <p:nvPr/>
        </p:nvSpPr>
        <p:spPr>
          <a:xfrm>
            <a:off x="6918960" y="2387600"/>
            <a:ext cx="2794000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Ο χρήστης παρέχει το όνομά του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B44B15A-693D-524F-45F6-EAB8810FF58E}"/>
              </a:ext>
            </a:extLst>
          </p:cNvPr>
          <p:cNvSpPr txBox="1"/>
          <p:nvPr/>
        </p:nvSpPr>
        <p:spPr>
          <a:xfrm>
            <a:off x="6918960" y="4846320"/>
            <a:ext cx="2794000" cy="43088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«αποθηκεύει» την ημερομηνία και την ώρα του προγραμματισμού του ραντεβού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1349770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EDB4BE-2D52-823A-3160-F9B150E0E5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8072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3b. Set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586921A7-FE48-75D0-F2A8-20715EE048B3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860509" y="2114330"/>
            <a:ext cx="2578233" cy="2368672"/>
          </a:xfr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4B0821DF-D9DC-AA53-5854-306A0EBCB32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25934" y="2886047"/>
            <a:ext cx="2540131" cy="10859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9096595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E3BE583-46A5-4A66-06E5-A47725C9A4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73416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4a. Get</a:t>
            </a:r>
          </a:p>
        </p:txBody>
      </p:sp>
      <p:pic>
        <p:nvPicPr>
          <p:cNvPr id="7" name="Content Placeholder 3">
            <a:extLst>
              <a:ext uri="{FF2B5EF4-FFF2-40B4-BE49-F238E27FC236}">
                <a16:creationId xmlns:a16="http://schemas.microsoft.com/office/drawing/2014/main" id="{1862D36A-5549-E235-780D-3065C1F29D8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77334" y="1858450"/>
            <a:ext cx="6134432" cy="1502868"/>
          </a:xfrm>
          <a:prstGeom prst="rect">
            <a:avLst/>
          </a:prstGeom>
        </p:spPr>
      </p:pic>
      <p:pic>
        <p:nvPicPr>
          <p:cNvPr id="9" name="Picture 8" descr="A white background with black dots&#10;&#10;Description automatically generated">
            <a:extLst>
              <a:ext uri="{FF2B5EF4-FFF2-40B4-BE49-F238E27FC236}">
                <a16:creationId xmlns:a16="http://schemas.microsoft.com/office/drawing/2014/main" id="{14F4D9B8-D164-0C6A-260F-8A6E4959F902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71330" b="73232"/>
          <a:stretch/>
        </p:blipFill>
        <p:spPr>
          <a:xfrm>
            <a:off x="861219" y="3836752"/>
            <a:ext cx="4840298" cy="1834583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5B58D5C3-EC03-3DC3-CA5A-156E27920BBC}"/>
              </a:ext>
            </a:extLst>
          </p:cNvPr>
          <p:cNvSpPr txBox="1"/>
          <p:nvPr/>
        </p:nvSpPr>
        <p:spPr>
          <a:xfrm>
            <a:off x="6490485" y="4492433"/>
            <a:ext cx="2794000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Λαμβάνει το όνομα των χρηστών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0F918DC-A05C-4838-412F-FF146009641E}"/>
              </a:ext>
            </a:extLst>
          </p:cNvPr>
          <p:cNvSpPr txBox="1"/>
          <p:nvPr/>
        </p:nvSpPr>
        <p:spPr>
          <a:xfrm>
            <a:off x="7000240" y="2234762"/>
            <a:ext cx="2794000" cy="43088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Επιβεβαιώωει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την ημερομηνία και την ώρα του ραντεβού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28175728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B8A486-2253-04E9-1C9B-A7723DC7F6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9248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4b. Get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ADDBE24-6544-1AC4-CD3B-9E29BA33C87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46035" y="2189915"/>
            <a:ext cx="3481248" cy="148823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71C6101-75A5-25C1-7026-BCEC25B7B897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11689" r="4680" b="10302"/>
          <a:stretch/>
        </p:blipFill>
        <p:spPr>
          <a:xfrm>
            <a:off x="677334" y="2373330"/>
            <a:ext cx="3481249" cy="11609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094431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823DE-5A13-DAC6-269E-50F23F45C5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9945" y="215587"/>
            <a:ext cx="8596668" cy="654669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5a. Sets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CFC0FCF5-2524-DFC3-B032-177D17E11C8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913855" y="945550"/>
            <a:ext cx="2095608" cy="133357"/>
          </a:xfrm>
          <a:prstGeom prst="rect">
            <a:avLst/>
          </a:prstGeom>
        </p:spPr>
      </p:pic>
      <p:pic>
        <p:nvPicPr>
          <p:cNvPr id="6" name="Picture 5" descr="A white background with black dots&#10;&#10;Description automatically generated">
            <a:extLst>
              <a:ext uri="{FF2B5EF4-FFF2-40B4-BE49-F238E27FC236}">
                <a16:creationId xmlns:a16="http://schemas.microsoft.com/office/drawing/2014/main" id="{58270990-3A7A-2D13-96D7-8C61F065EFDD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72006" b="88469"/>
          <a:stretch/>
        </p:blipFill>
        <p:spPr>
          <a:xfrm>
            <a:off x="796823" y="1082048"/>
            <a:ext cx="6963116" cy="1164322"/>
          </a:xfrm>
          <a:prstGeom prst="rect">
            <a:avLst/>
          </a:prstGeom>
        </p:spPr>
      </p:pic>
      <p:pic>
        <p:nvPicPr>
          <p:cNvPr id="10" name="Picture 9" descr="A white background with black text&#10;&#10;Description automatically generated">
            <a:extLst>
              <a:ext uri="{FF2B5EF4-FFF2-40B4-BE49-F238E27FC236}">
                <a16:creationId xmlns:a16="http://schemas.microsoft.com/office/drawing/2014/main" id="{6EBF9AAD-CF38-FCE4-E346-2F99222B5560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r="51719" b="80372"/>
          <a:stretch/>
        </p:blipFill>
        <p:spPr>
          <a:xfrm>
            <a:off x="649945" y="2209753"/>
            <a:ext cx="7491673" cy="1236411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8D396AFA-ADD9-33AF-6947-377DEFD49B5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447331" y="2019636"/>
            <a:ext cx="6229670" cy="215911"/>
          </a:xfrm>
          <a:prstGeom prst="rect">
            <a:avLst/>
          </a:prstGeom>
        </p:spPr>
      </p:pic>
      <p:pic>
        <p:nvPicPr>
          <p:cNvPr id="18" name="Picture 17" descr="A white background with black dots&#10;&#10;Description automatically generated">
            <a:extLst>
              <a:ext uri="{FF2B5EF4-FFF2-40B4-BE49-F238E27FC236}">
                <a16:creationId xmlns:a16="http://schemas.microsoft.com/office/drawing/2014/main" id="{6A674745-A78B-87F5-D227-5B662036EF17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r="69059" b="79420"/>
          <a:stretch/>
        </p:blipFill>
        <p:spPr>
          <a:xfrm>
            <a:off x="1014776" y="3511758"/>
            <a:ext cx="3933503" cy="1062111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40293804-463C-9439-6923-30B2F9F932E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386356" y="3316797"/>
            <a:ext cx="2607348" cy="253812"/>
          </a:xfrm>
          <a:prstGeom prst="rect">
            <a:avLst/>
          </a:prstGeom>
        </p:spPr>
      </p:pic>
      <p:pic>
        <p:nvPicPr>
          <p:cNvPr id="26" name="Picture 25" descr="A white background with black and white clouds&#10;&#10;Description automatically generated">
            <a:extLst>
              <a:ext uri="{FF2B5EF4-FFF2-40B4-BE49-F238E27FC236}">
                <a16:creationId xmlns:a16="http://schemas.microsoft.com/office/drawing/2014/main" id="{FA3CEE2F-4700-015E-D4A2-1A682BE7D59A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r="84424" b="89435"/>
          <a:stretch/>
        </p:blipFill>
        <p:spPr>
          <a:xfrm>
            <a:off x="1014776" y="4634375"/>
            <a:ext cx="3859963" cy="1062874"/>
          </a:xfrm>
          <a:prstGeom prst="rect">
            <a:avLst/>
          </a:prstGeom>
        </p:spPr>
      </p:pic>
      <p:pic>
        <p:nvPicPr>
          <p:cNvPr id="28" name="Picture 27">
            <a:extLst>
              <a:ext uri="{FF2B5EF4-FFF2-40B4-BE49-F238E27FC236}">
                <a16:creationId xmlns:a16="http://schemas.microsoft.com/office/drawing/2014/main" id="{0F22E0FF-9BAC-AD1C-5869-ACBA65A4531E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319179" y="4418464"/>
            <a:ext cx="6485973" cy="215911"/>
          </a:xfrm>
          <a:prstGeom prst="rect">
            <a:avLst/>
          </a:prstGeom>
        </p:spPr>
      </p:pic>
      <p:pic>
        <p:nvPicPr>
          <p:cNvPr id="32" name="Picture 31" descr="A white background with black and white clouds&#10;&#10;Description automatically generated">
            <a:extLst>
              <a:ext uri="{FF2B5EF4-FFF2-40B4-BE49-F238E27FC236}">
                <a16:creationId xmlns:a16="http://schemas.microsoft.com/office/drawing/2014/main" id="{BA9EF1F5-5BCC-D044-0B11-A6823D4D94BD}"/>
              </a:ext>
            </a:extLst>
          </p:cNvPr>
          <p:cNvPicPr>
            <a:picLocks noChangeAspect="1"/>
          </p:cNvPicPr>
          <p:nvPr/>
        </p:nvPicPr>
        <p:blipFill rotWithShape="1">
          <a:blip r:embed="rId10"/>
          <a:srcRect r="80517" b="89226"/>
          <a:stretch/>
        </p:blipFill>
        <p:spPr>
          <a:xfrm>
            <a:off x="1014776" y="5697249"/>
            <a:ext cx="3496264" cy="784884"/>
          </a:xfrm>
          <a:prstGeom prst="rect">
            <a:avLst/>
          </a:prstGeom>
        </p:spPr>
      </p:pic>
      <p:pic>
        <p:nvPicPr>
          <p:cNvPr id="34" name="Picture 33">
            <a:extLst>
              <a:ext uri="{FF2B5EF4-FFF2-40B4-BE49-F238E27FC236}">
                <a16:creationId xmlns:a16="http://schemas.microsoft.com/office/drawing/2014/main" id="{97294D25-21B6-C0F2-0288-19034D9063D2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2210051" y="5454267"/>
            <a:ext cx="6959958" cy="1524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1380676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68532E-C45D-F0F5-60BE-6418FC8104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589280"/>
          </a:xfrm>
        </p:spPr>
        <p:txBody>
          <a:bodyPr>
            <a:normAutofit fontScale="90000"/>
          </a:bodyPr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5a. Sets</a:t>
            </a:r>
          </a:p>
        </p:txBody>
      </p:sp>
      <p:graphicFrame>
        <p:nvGraphicFramePr>
          <p:cNvPr id="5" name="Table 5">
            <a:extLst>
              <a:ext uri="{FF2B5EF4-FFF2-40B4-BE49-F238E27FC236}">
                <a16:creationId xmlns:a16="http://schemas.microsoft.com/office/drawing/2014/main" id="{81570342-9FAB-E670-9C11-34E444E57C5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91327440"/>
              </p:ext>
            </p:extLst>
          </p:nvPr>
        </p:nvGraphicFramePr>
        <p:xfrm>
          <a:off x="677334" y="1960880"/>
          <a:ext cx="8128000" cy="383878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4064000">
                  <a:extLst>
                    <a:ext uri="{9D8B030D-6E8A-4147-A177-3AD203B41FA5}">
                      <a16:colId xmlns:a16="http://schemas.microsoft.com/office/drawing/2014/main" val="2581952588"/>
                    </a:ext>
                  </a:extLst>
                </a:gridCol>
                <a:gridCol w="4064000">
                  <a:extLst>
                    <a:ext uri="{9D8B030D-6E8A-4147-A177-3AD203B41FA5}">
                      <a16:colId xmlns:a16="http://schemas.microsoft.com/office/drawing/2014/main" val="3515057193"/>
                    </a:ext>
                  </a:extLst>
                </a:gridCol>
              </a:tblGrid>
              <a:tr h="398056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Set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Purpos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4342278"/>
                  </a:ext>
                </a:extLst>
              </a:tr>
              <a:tr h="687055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greeting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αφορετικοί τρόποι με τους οποίους ο χρήστης λέει </a:t>
                      </a:r>
                      <a:r>
                        <a:rPr lang="en-US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hi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83985991"/>
                  </a:ext>
                </a:extLst>
              </a:tr>
              <a:tr h="687055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symptoms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αφορετικά συμπτώματα που εκφράζει ο χρήστης στο </a:t>
                      </a:r>
                      <a:r>
                        <a:rPr lang="el-GR" dirty="0" err="1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chatbot</a:t>
                      </a:r>
                      <a:endParaRPr lang="en-US" dirty="0">
                        <a:latin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04628074"/>
                  </a:ext>
                </a:extLst>
              </a:tr>
              <a:tr h="687055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answers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αφορετικοί τρόποι με τους οποίους μπορεί να απαντήσει ο χρήστης </a:t>
                      </a:r>
                      <a:r>
                        <a:rPr lang="en-US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ye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71837686"/>
                  </a:ext>
                </a:extLst>
              </a:tr>
              <a:tr h="398056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doctor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αφορετικοί τύποι γιατρών</a:t>
                      </a:r>
                      <a:endParaRPr lang="en-US" dirty="0">
                        <a:latin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70956565"/>
                  </a:ext>
                </a:extLst>
              </a:tr>
              <a:tr h="981508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nam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Τα ονόματα που παρέχει το </a:t>
                      </a:r>
                      <a:r>
                        <a:rPr lang="el-GR" dirty="0" err="1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chatbot</a:t>
                      </a:r>
                      <a:r>
                        <a:rPr lang="el-GR" dirty="0"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στον χρήστη και ο χρήστης θέλει να προγραμματίσει ένα ραντεβού</a:t>
                      </a:r>
                      <a:endParaRPr lang="en-US" dirty="0">
                        <a:latin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7366908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83530497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3FEE74-9837-A807-0C6F-0C4812BFD51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7056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5b. Sets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1A7B7183-AE2E-873E-9E3D-AE70A7EAA61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33494" y="1532522"/>
            <a:ext cx="2673487" cy="2387723"/>
          </a:xfr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84559A2D-7A65-F1CE-D506-3E69754AB28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63832" y="1504771"/>
            <a:ext cx="2438525" cy="2190863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43D00DC3-FC3A-0E8B-704D-614757A3E81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33494" y="4264973"/>
            <a:ext cx="2540131" cy="212100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2E52F308-BE63-DF66-C057-DBCA5744EB1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914982" y="1532522"/>
            <a:ext cx="1682836" cy="2552831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D10C8375-7B67-0730-C3A5-3EF8EC59A1D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654669" y="1532522"/>
            <a:ext cx="1619333" cy="1454225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85182D3C-A92C-9D33-4227-9A76A604FCE9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395302" y="4153867"/>
            <a:ext cx="1682836" cy="2140060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BB7A6358-4E52-5F22-15BF-FFDF28C57393}"/>
              </a:ext>
            </a:extLst>
          </p:cNvPr>
          <p:cNvSpPr txBox="1"/>
          <p:nvPr/>
        </p:nvSpPr>
        <p:spPr>
          <a:xfrm>
            <a:off x="433494" y="3921278"/>
            <a:ext cx="1761066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greetings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B5731790-7C2F-08DD-E2ED-70B4D1569B44}"/>
              </a:ext>
            </a:extLst>
          </p:cNvPr>
          <p:cNvSpPr txBox="1"/>
          <p:nvPr/>
        </p:nvSpPr>
        <p:spPr>
          <a:xfrm>
            <a:off x="620692" y="6387015"/>
            <a:ext cx="1761066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symptoms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D420AC89-E068-20EA-0EC9-87C2FC987A65}"/>
              </a:ext>
            </a:extLst>
          </p:cNvPr>
          <p:cNvSpPr txBox="1"/>
          <p:nvPr/>
        </p:nvSpPr>
        <p:spPr>
          <a:xfrm>
            <a:off x="3356187" y="3707620"/>
            <a:ext cx="1761066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symptoms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DDE2BFF-CF29-9C04-7537-A305D2013A44}"/>
              </a:ext>
            </a:extLst>
          </p:cNvPr>
          <p:cNvSpPr txBox="1"/>
          <p:nvPr/>
        </p:nvSpPr>
        <p:spPr>
          <a:xfrm>
            <a:off x="3395302" y="6292170"/>
            <a:ext cx="1761066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doctors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BCFC6C00-181D-484E-7639-74284539CB7D}"/>
              </a:ext>
            </a:extLst>
          </p:cNvPr>
          <p:cNvSpPr txBox="1"/>
          <p:nvPr/>
        </p:nvSpPr>
        <p:spPr>
          <a:xfrm>
            <a:off x="7779174" y="3247696"/>
            <a:ext cx="1761066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answers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1BF9130C-9F60-54C7-4CC5-AF65CBCB4113}"/>
              </a:ext>
            </a:extLst>
          </p:cNvPr>
          <p:cNvSpPr txBox="1"/>
          <p:nvPr/>
        </p:nvSpPr>
        <p:spPr>
          <a:xfrm>
            <a:off x="6018108" y="6050880"/>
            <a:ext cx="1761066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names</a:t>
            </a: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AD93D221-2C26-2AEE-33D2-3CD5A9101926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785952" y="4184062"/>
            <a:ext cx="1761066" cy="18780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455620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C42959-3F00-3397-25AF-F4A83459C0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5024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6a. Map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BF114B8-995A-CBD7-D687-D2A1FD94414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10932" y="2698654"/>
            <a:ext cx="1485976" cy="3378374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5F66C6CB-ED0E-FB9A-95B9-43A8A6DF86A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34102" y="2597049"/>
            <a:ext cx="1905098" cy="3581584"/>
          </a:xfrm>
          <a:prstGeom prst="rect">
            <a:avLst/>
          </a:prstGeom>
        </p:spPr>
      </p:pic>
      <p:pic>
        <p:nvPicPr>
          <p:cNvPr id="9" name="Content Placeholder 8" descr="A white background with blue and green text&#10;&#10;Description automatically generated">
            <a:extLst>
              <a:ext uri="{FF2B5EF4-FFF2-40B4-BE49-F238E27FC236}">
                <a16:creationId xmlns:a16="http://schemas.microsoft.com/office/drawing/2014/main" id="{C9517D85-2E26-CCB5-734B-70B2E49F5ED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4"/>
          <a:srcRect r="66174" b="84207"/>
          <a:stretch/>
        </p:blipFill>
        <p:spPr>
          <a:xfrm>
            <a:off x="1191571" y="1450005"/>
            <a:ext cx="6051778" cy="1147044"/>
          </a:xfr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CB03FAD5-47CC-DBFE-977F-29DE3880B6EE}"/>
              </a:ext>
            </a:extLst>
          </p:cNvPr>
          <p:cNvSpPr txBox="1"/>
          <p:nvPr/>
        </p:nvSpPr>
        <p:spPr>
          <a:xfrm>
            <a:off x="5728162" y="5407995"/>
            <a:ext cx="3545840" cy="43088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Σύμφωνα με τα συμπτώματα που εισάγει ο χρήστης, 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χαρτογραφεί τον κατάλληλο γιατρό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85331543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2A581B-CE2F-1000-0A6F-23D27A9998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19760"/>
          </a:xfrm>
        </p:spPr>
        <p:txBody>
          <a:bodyPr>
            <a:noAutofit/>
          </a:bodyPr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6a. Map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7303CE47-58A1-E7C1-E445-1F910BEA054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677334" y="3326205"/>
            <a:ext cx="7819981" cy="1353673"/>
          </a:xfrm>
        </p:spPr>
      </p:pic>
      <p:pic>
        <p:nvPicPr>
          <p:cNvPr id="7" name="Picture 6" descr="A white background with black and white clouds&#10;&#10;Description automatically generated">
            <a:extLst>
              <a:ext uri="{FF2B5EF4-FFF2-40B4-BE49-F238E27FC236}">
                <a16:creationId xmlns:a16="http://schemas.microsoft.com/office/drawing/2014/main" id="{6B3B31F2-6142-CE64-2327-9930B298453F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78755" b="84902"/>
          <a:stretch/>
        </p:blipFill>
        <p:spPr>
          <a:xfrm>
            <a:off x="677334" y="1783968"/>
            <a:ext cx="3712221" cy="1070991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527EE2B0-4E37-07C2-FACD-BC27B54F50F6}"/>
              </a:ext>
            </a:extLst>
          </p:cNvPr>
          <p:cNvSpPr txBox="1"/>
          <p:nvPr/>
        </p:nvSpPr>
        <p:spPr>
          <a:xfrm>
            <a:off x="5270962" y="5140968"/>
            <a:ext cx="3545840" cy="6001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Σύμφωνα με τις επιπλέον πληροφορίες που θέλει ο χρήστης για έναν γιατρό, 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χαρτογραφεί τον κατάλληλο σύνδεσμο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096900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556417A-6AB1-6920-5EFC-7E9232678F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97095" y="3820160"/>
            <a:ext cx="8596668" cy="707288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A. AIML CODE</a:t>
            </a:r>
          </a:p>
        </p:txBody>
      </p:sp>
    </p:spTree>
    <p:extLst>
      <p:ext uri="{BB962C8B-B14F-4D97-AF65-F5344CB8AC3E}">
        <p14:creationId xmlns:p14="http://schemas.microsoft.com/office/powerpoint/2010/main" val="2659587626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D131B4-87B6-9E43-EAAA-E127EFD2D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1120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6b. Map</a:t>
            </a:r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525FBCAD-B101-9137-E960-633D80A0D07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77330" y="1544006"/>
            <a:ext cx="2830954" cy="2446753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CFED122-7793-6A76-C716-3A8E82B30DE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734494" y="1706879"/>
            <a:ext cx="2540131" cy="212100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3191CC4E-CEDA-EC38-4A32-B4048D49725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21177" y="4704078"/>
            <a:ext cx="2830954" cy="17733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910617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CDC053F-3D23-561A-78B1-774FC1B2E64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4168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7a. Properties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0FE9C6FF-F908-503A-5DD8-090DF969B1B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l="3421"/>
          <a:stretch/>
        </p:blipFill>
        <p:spPr>
          <a:xfrm>
            <a:off x="934720" y="2260599"/>
            <a:ext cx="5472656" cy="1934909"/>
          </a:xfr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D4AC2511-969A-A189-8A11-32E2218D55C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14231" y="4485670"/>
            <a:ext cx="5397777" cy="12383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5866039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9F9F48-9144-0E70-34C7-5222851B7C3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8072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7b. Properties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351C2C4E-F978-4F68-A191-FB5E433914B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210853" y="2002425"/>
            <a:ext cx="3739410" cy="3279869"/>
          </a:xfrm>
        </p:spPr>
      </p:pic>
    </p:spTree>
    <p:extLst>
      <p:ext uri="{BB962C8B-B14F-4D97-AF65-F5344CB8AC3E}">
        <p14:creationId xmlns:p14="http://schemas.microsoft.com/office/powerpoint/2010/main" val="138053080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F1B8799-B9DC-B026-713C-F24182E8C9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7216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8a. Substitutions</a:t>
            </a:r>
          </a:p>
        </p:txBody>
      </p:sp>
      <p:pic>
        <p:nvPicPr>
          <p:cNvPr id="7" name="Content Placeholder 6" descr="A white background with blue and green text&#10;&#10;Description automatically generated">
            <a:extLst>
              <a:ext uri="{FF2B5EF4-FFF2-40B4-BE49-F238E27FC236}">
                <a16:creationId xmlns:a16="http://schemas.microsoft.com/office/drawing/2014/main" id="{04249B78-9624-F4B5-8294-0D68123D480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r="66891" b="85384"/>
          <a:stretch/>
        </p:blipFill>
        <p:spPr>
          <a:xfrm>
            <a:off x="866618" y="2099591"/>
            <a:ext cx="8407384" cy="1506638"/>
          </a:xfrm>
        </p:spPr>
      </p:pic>
    </p:spTree>
    <p:extLst>
      <p:ext uri="{BB962C8B-B14F-4D97-AF65-F5344CB8AC3E}">
        <p14:creationId xmlns:p14="http://schemas.microsoft.com/office/powerpoint/2010/main" val="393779330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777527-B74C-32F1-0FEB-DA5DED94C9B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6200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8b. Substitutions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98987808-210E-FDF9-432F-FB0C9FAFE507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085004" y="2140286"/>
            <a:ext cx="2904830" cy="2577427"/>
          </a:xfrm>
        </p:spPr>
      </p:pic>
    </p:spTree>
    <p:extLst>
      <p:ext uri="{BB962C8B-B14F-4D97-AF65-F5344CB8AC3E}">
        <p14:creationId xmlns:p14="http://schemas.microsoft.com/office/powerpoint/2010/main" val="3446598037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36C8E0-D3E9-E043-360D-12062D4020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3152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9a. Button</a:t>
            </a:r>
          </a:p>
        </p:txBody>
      </p:sp>
      <p:pic>
        <p:nvPicPr>
          <p:cNvPr id="8" name="Picture 7" descr="A white background with black and white clouds&#10;&#10;Description automatically generated">
            <a:extLst>
              <a:ext uri="{FF2B5EF4-FFF2-40B4-BE49-F238E27FC236}">
                <a16:creationId xmlns:a16="http://schemas.microsoft.com/office/drawing/2014/main" id="{367A9698-A740-DEDA-47FC-DF5AE8EE36BE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78430" b="54112"/>
          <a:stretch/>
        </p:blipFill>
        <p:spPr>
          <a:xfrm>
            <a:off x="677334" y="1965462"/>
            <a:ext cx="3923987" cy="3388858"/>
          </a:xfrm>
          <a:prstGeom prst="rect">
            <a:avLst/>
          </a:prstGeom>
        </p:spPr>
      </p:pic>
      <p:pic>
        <p:nvPicPr>
          <p:cNvPr id="10" name="Picture 9" descr="A white background with black and white clouds&#10;&#10;Description automatically generated">
            <a:extLst>
              <a:ext uri="{FF2B5EF4-FFF2-40B4-BE49-F238E27FC236}">
                <a16:creationId xmlns:a16="http://schemas.microsoft.com/office/drawing/2014/main" id="{8910508C-1287-C98E-0627-9736770D5714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77500" b="77433"/>
          <a:stretch/>
        </p:blipFill>
        <p:spPr>
          <a:xfrm>
            <a:off x="4796220" y="2433147"/>
            <a:ext cx="4567276" cy="1859623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C289AC7E-EC4B-8C2E-49E7-6584A3D907CC}"/>
              </a:ext>
            </a:extLst>
          </p:cNvPr>
          <p:cNvSpPr txBox="1"/>
          <p:nvPr/>
        </p:nvSpPr>
        <p:spPr>
          <a:xfrm>
            <a:off x="978778" y="5384797"/>
            <a:ext cx="6101080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Η ίδια λογική και με Οφθαλμίατρο 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62602853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B2E9E3E-DEA3-9F21-129E-D4885EF48AA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99301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9b. Button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B3D2025F-6148-01A8-23EA-46E86C0E33E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321425" y="1664210"/>
            <a:ext cx="2673487" cy="2044805"/>
          </a:xfr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5197DBD3-A4F6-90CA-C8FA-61E70311D2D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59527" y="3963271"/>
            <a:ext cx="2635385" cy="2305168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BD9BAC88-A1F4-FCEA-2CFB-B19F355FB5F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67492" y="2515153"/>
            <a:ext cx="2673487" cy="23877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4230463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986E5C-82BA-745D-D13B-EBE784A8B98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4008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0a. Link</a:t>
            </a:r>
          </a:p>
        </p:txBody>
      </p:sp>
      <p:pic>
        <p:nvPicPr>
          <p:cNvPr id="10" name="Picture 9" descr="A white background with black dots&#10;&#10;Description automatically generated">
            <a:extLst>
              <a:ext uri="{FF2B5EF4-FFF2-40B4-BE49-F238E27FC236}">
                <a16:creationId xmlns:a16="http://schemas.microsoft.com/office/drawing/2014/main" id="{D26928C9-7184-97EF-BD6C-6342B1F75BC2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78922" b="51338"/>
          <a:stretch/>
        </p:blipFill>
        <p:spPr>
          <a:xfrm>
            <a:off x="1867857" y="1693418"/>
            <a:ext cx="4024943" cy="377225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84A6BEB1-FE53-408D-39E1-1FC4E5180600}"/>
              </a:ext>
            </a:extLst>
          </p:cNvPr>
          <p:cNvSpPr txBox="1"/>
          <p:nvPr/>
        </p:nvSpPr>
        <p:spPr>
          <a:xfrm>
            <a:off x="829788" y="5737275"/>
            <a:ext cx="6101080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Η ίδια λογική και με Γυναικολόγο Παιδίατρο, Καρδιολόγο, Δερματολόγο, Παθολόγο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36782074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8AB7C0-A177-D466-61E9-A1AC455BCD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5184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0b. Link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51A74F7F-E7C8-E5B2-EC56-5B2216CD1B6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346940" y="2379654"/>
            <a:ext cx="2504644" cy="2098692"/>
          </a:xfrm>
        </p:spPr>
      </p:pic>
      <p:pic>
        <p:nvPicPr>
          <p:cNvPr id="3" name="Content Placeholder 4">
            <a:extLst>
              <a:ext uri="{FF2B5EF4-FFF2-40B4-BE49-F238E27FC236}">
                <a16:creationId xmlns:a16="http://schemas.microsoft.com/office/drawing/2014/main" id="{6E344FE6-E229-45BC-FBAD-49390AF5F1C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00789" y="2113712"/>
            <a:ext cx="2904830" cy="25774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3718954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8F67AF-E6C3-B433-0BC6-5889854BC6F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71512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1a. Reply</a:t>
            </a:r>
          </a:p>
        </p:txBody>
      </p:sp>
      <p:pic>
        <p:nvPicPr>
          <p:cNvPr id="8" name="Picture 7" descr="A white background with black dots&#10;&#10;Description automatically generated">
            <a:extLst>
              <a:ext uri="{FF2B5EF4-FFF2-40B4-BE49-F238E27FC236}">
                <a16:creationId xmlns:a16="http://schemas.microsoft.com/office/drawing/2014/main" id="{D32133BF-150F-8AA8-0C30-5E2764CFB29D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75133" b="63274"/>
          <a:stretch/>
        </p:blipFill>
        <p:spPr>
          <a:xfrm>
            <a:off x="1693690" y="1930399"/>
            <a:ext cx="3988183" cy="2391162"/>
          </a:xfrm>
          <a:prstGeom prst="rect">
            <a:avLst/>
          </a:prstGeom>
        </p:spPr>
      </p:pic>
      <p:pic>
        <p:nvPicPr>
          <p:cNvPr id="10" name="Picture 9" descr="A white background with black and white clouds&#10;&#10;Description automatically generated">
            <a:extLst>
              <a:ext uri="{FF2B5EF4-FFF2-40B4-BE49-F238E27FC236}">
                <a16:creationId xmlns:a16="http://schemas.microsoft.com/office/drawing/2014/main" id="{2F3E36CE-F491-EABE-86F8-F380A67B6446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70569" b="88886"/>
          <a:stretch/>
        </p:blipFill>
        <p:spPr>
          <a:xfrm>
            <a:off x="1693690" y="4910097"/>
            <a:ext cx="5288572" cy="8107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88675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04319DA6-9C54-42A3-A9FC-6A86C90744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50240"/>
          </a:xfrm>
        </p:spPr>
        <p:txBody>
          <a:bodyPr/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Σκοπός του </a:t>
            </a:r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D23EB83-C0DC-79D8-48DA-FC78E6EC7FF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77334" y="1676401"/>
            <a:ext cx="8596668" cy="4364962"/>
          </a:xfrm>
        </p:spPr>
        <p:txBody>
          <a:bodyPr>
            <a:normAutofit/>
          </a:bodyPr>
          <a:lstStyle/>
          <a:p>
            <a:pPr algn="just"/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Σκοπός του </a:t>
            </a:r>
            <a:r>
              <a:rPr lang="el-GR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 είναι να βοηθήσει τον χρήστη και να τον υποστηρίξει προκειμένου να κλείσει ένα ραντεβού με τον γιατρό που θέλει.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/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Ο χρήστης ζητά είτε να κλείσει ραντεβού είτε αναφέρει τα συμπτώματα που έχει για να συστήσει τον κατάλληλο γιατρό</a:t>
            </a:r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  <a:p>
            <a:pPr algn="just"/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τελευταίο βήμα είναι να προγραμματιστεί το ραντεβού σε συγκεκριμένη ημερομηνία και ώρα.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71789090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623D5FC-4CE6-FC8B-0A4C-F018F1AB69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2136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1b. Reply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1BD0D1F7-EAA7-7EDF-24C5-9EAAD7A50FBA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t="4306"/>
          <a:stretch/>
        </p:blipFill>
        <p:spPr>
          <a:xfrm>
            <a:off x="2557101" y="2214880"/>
            <a:ext cx="3055899" cy="2607208"/>
          </a:xfr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F915BE7D-2CC2-73D0-902E-B61AEFD3FD5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17568" y="1733446"/>
            <a:ext cx="2534963" cy="15939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7469394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70D78DE-ADC7-523F-18F5-7DF9E5F518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71975" y="3728720"/>
            <a:ext cx="8314265" cy="798728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B. CHATBOT BEHAVIOR</a:t>
            </a:r>
          </a:p>
        </p:txBody>
      </p:sp>
    </p:spTree>
    <p:extLst>
      <p:ext uri="{BB962C8B-B14F-4D97-AF65-F5344CB8AC3E}">
        <p14:creationId xmlns:p14="http://schemas.microsoft.com/office/powerpoint/2010/main" val="668620421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502B49-A7BE-6ABD-2991-938AFB0BD46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4119" y="262625"/>
            <a:ext cx="8596668" cy="607102"/>
          </a:xfrm>
        </p:spPr>
        <p:txBody>
          <a:bodyPr>
            <a:normAutofit fontScale="90000"/>
          </a:bodyPr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3a. Proactive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EAF8E39-242F-9818-6DD9-D99AE8DA34D5}"/>
              </a:ext>
            </a:extLst>
          </p:cNvPr>
          <p:cNvSpPr txBox="1"/>
          <p:nvPr/>
        </p:nvSpPr>
        <p:spPr>
          <a:xfrm>
            <a:off x="1268337" y="1029545"/>
            <a:ext cx="7327454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Recover from failure</a:t>
            </a:r>
          </a:p>
          <a:p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Εάν ο χρήστης γράψει κάτι που δεν αντιστοιχεί στον προγραμματισμό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ιατρικού ραντεβού, 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υπενθυμίζει τον κύριο σκοπό της συνομιλίας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018E0563-177F-3573-C763-FA26EAC81A1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28754" y="4248098"/>
            <a:ext cx="5753396" cy="78109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50F5FD57-B2EE-CC42-88EB-6E5BD4D3CDC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28754" y="5228537"/>
            <a:ext cx="3873699" cy="749339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69E4FF58-86B6-22E8-9A63-C9D9FAF568DE}"/>
              </a:ext>
            </a:extLst>
          </p:cNvPr>
          <p:cNvSpPr txBox="1"/>
          <p:nvPr/>
        </p:nvSpPr>
        <p:spPr>
          <a:xfrm>
            <a:off x="1268337" y="3502717"/>
            <a:ext cx="3679583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Provide additional information</a:t>
            </a:r>
          </a:p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Inspire users and keep the conversation alive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D50EF902-D85C-9FFE-0E71-8AB7031B7019}"/>
              </a:ext>
            </a:extLst>
          </p:cNvPr>
          <p:cNvSpPr txBox="1"/>
          <p:nvPr/>
        </p:nvSpPr>
        <p:spPr>
          <a:xfrm>
            <a:off x="828753" y="1084664"/>
            <a:ext cx="865381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a.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C1CFE893-E855-5E68-81F7-9657DEE05F8E}"/>
              </a:ext>
            </a:extLst>
          </p:cNvPr>
          <p:cNvSpPr txBox="1"/>
          <p:nvPr/>
        </p:nvSpPr>
        <p:spPr>
          <a:xfrm>
            <a:off x="828754" y="3613666"/>
            <a:ext cx="865381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b.</a:t>
            </a:r>
          </a:p>
        </p:txBody>
      </p:sp>
      <p:pic>
        <p:nvPicPr>
          <p:cNvPr id="31" name="Picture 30">
            <a:extLst>
              <a:ext uri="{FF2B5EF4-FFF2-40B4-BE49-F238E27FC236}">
                <a16:creationId xmlns:a16="http://schemas.microsoft.com/office/drawing/2014/main" id="{E4D59591-8703-E984-42C3-D5C011581F5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99387" y="1904459"/>
            <a:ext cx="3448734" cy="1470907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B078C0F4-BAF0-038D-9594-8A02EED9858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238394" y="2528300"/>
            <a:ext cx="4329852" cy="1569757"/>
          </a:xfrm>
          <a:prstGeom prst="rect">
            <a:avLst/>
          </a:prstGeom>
        </p:spPr>
      </p:pic>
      <p:sp>
        <p:nvSpPr>
          <p:cNvPr id="37" name="TextBox 36">
            <a:extLst>
              <a:ext uri="{FF2B5EF4-FFF2-40B4-BE49-F238E27FC236}">
                <a16:creationId xmlns:a16="http://schemas.microsoft.com/office/drawing/2014/main" id="{3C73F7D4-18D9-7329-7338-08715045210C}"/>
              </a:ext>
            </a:extLst>
          </p:cNvPr>
          <p:cNvSpPr txBox="1"/>
          <p:nvPr/>
        </p:nvSpPr>
        <p:spPr>
          <a:xfrm>
            <a:off x="778869" y="6068362"/>
            <a:ext cx="6710680" cy="43088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Εάν ο χρήστης ξεκινήσει τη συνομιλία λέγοντας συμπτώματα του χωρίς να ζητήσει το γιατρό που θέλει να κλείσει ραντεβού ,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παρέχει τις κατάλληλες πληροφορίες και διατηρεί την συνομιλία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ζωνταή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B8F841A5-9C29-4F5B-8B18-27C51C213662}"/>
              </a:ext>
            </a:extLst>
          </p:cNvPr>
          <p:cNvSpPr txBox="1"/>
          <p:nvPr/>
        </p:nvSpPr>
        <p:spPr>
          <a:xfrm>
            <a:off x="6404330" y="3948016"/>
            <a:ext cx="3473091" cy="6001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διατηρεί τη συνομιλία ζωντανή και προτείνει στον χρήστη για οποιοδήποτε άλλο ζήτημα που μπορεί να χρειαστεί να επικοινωνήσει ξανά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7487322"/>
      </p:ext>
    </p:extLst>
  </p:cSld>
  <p:clrMapOvr>
    <a:masterClrMapping/>
  </p:clrMapOvr>
  <p:transition>
    <p:fade/>
  </p:transition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F9D2E2-96B6-41CA-F1F4-0791AF5DB3D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8072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3a. Proactive</a:t>
            </a:r>
            <a:endParaRPr lang="en-US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56D5EA6-F5B0-172F-18C4-A69C9AE9A5DF}"/>
              </a:ext>
            </a:extLst>
          </p:cNvPr>
          <p:cNvSpPr txBox="1"/>
          <p:nvPr/>
        </p:nvSpPr>
        <p:spPr>
          <a:xfrm>
            <a:off x="1343823" y="1601442"/>
            <a:ext cx="2365554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just"/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Improve conversation</a:t>
            </a:r>
          </a:p>
          <a:p>
            <a:pPr algn="just"/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Guide and engage users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B26E079-14FF-638E-F848-1D2673A0EFA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28754" y="3819158"/>
            <a:ext cx="4324572" cy="876345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E32747B0-514B-4CC4-CA36-7CE856D78687}"/>
              </a:ext>
            </a:extLst>
          </p:cNvPr>
          <p:cNvSpPr txBox="1"/>
          <p:nvPr/>
        </p:nvSpPr>
        <p:spPr>
          <a:xfrm>
            <a:off x="946308" y="1663625"/>
            <a:ext cx="86538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c</a:t>
            </a:r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050926C-DDE1-4DDD-7645-FC6CE45C67D6}"/>
              </a:ext>
            </a:extLst>
          </p:cNvPr>
          <p:cNvSpPr txBox="1"/>
          <p:nvPr/>
        </p:nvSpPr>
        <p:spPr>
          <a:xfrm>
            <a:off x="677334" y="4905798"/>
            <a:ext cx="8152686" cy="43088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Ο χρήστης θέλει να επισκεφτεί έναν συγκεκριμένο γιατρό και 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προσελκύει τον χρήστη να προγραμματίσει το ραντεβού σε συγκεκριμένη ημερομηνία και ώρα, έτσι βελτιώνει τη συνομιλία και προσπαθεί να βοηθήσει τον χρήστη για το πρόβλημά του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5256FFCB-2102-09A5-CA87-0703388A876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28754" y="2552655"/>
            <a:ext cx="5804191" cy="8763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58047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547362-08F4-D99C-5EC9-AF07B835B3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3b. Proactiv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582923A-9E94-C51E-3F20-C209864170D2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4312"/>
          <a:stretch/>
        </p:blipFill>
        <p:spPr>
          <a:xfrm>
            <a:off x="877068" y="3763613"/>
            <a:ext cx="2482978" cy="2102479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B1A49098-A3A8-B28B-38F7-EBD8E0D8C09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06965" y="1920824"/>
            <a:ext cx="2552831" cy="1873346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F1200D35-3DCB-0671-4FE2-84B961867DCB}"/>
              </a:ext>
            </a:extLst>
          </p:cNvPr>
          <p:cNvSpPr txBox="1"/>
          <p:nvPr/>
        </p:nvSpPr>
        <p:spPr>
          <a:xfrm>
            <a:off x="677334" y="1434014"/>
            <a:ext cx="409086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a.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0D476718-2E21-4EBD-2756-3198A33D1546}"/>
              </a:ext>
            </a:extLst>
          </p:cNvPr>
          <p:cNvSpPr txBox="1"/>
          <p:nvPr/>
        </p:nvSpPr>
        <p:spPr>
          <a:xfrm>
            <a:off x="677334" y="4140108"/>
            <a:ext cx="41870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b</a:t>
            </a:r>
            <a:r>
              <a:rPr lang="en-US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12757D6-3AFC-A94C-31B4-EAFE4A787646}"/>
              </a:ext>
            </a:extLst>
          </p:cNvPr>
          <p:cNvSpPr txBox="1"/>
          <p:nvPr/>
        </p:nvSpPr>
        <p:spPr>
          <a:xfrm>
            <a:off x="6655259" y="466526"/>
            <a:ext cx="399468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c.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01A76A28-ECC8-548D-FC62-7357E353BB80}"/>
              </a:ext>
            </a:extLst>
          </p:cNvPr>
          <p:cNvSpPr txBox="1"/>
          <p:nvPr/>
        </p:nvSpPr>
        <p:spPr>
          <a:xfrm>
            <a:off x="421481" y="6076883"/>
            <a:ext cx="5391219" cy="86177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Move the conversation forward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: (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Pg.31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)</a:t>
            </a:r>
          </a:p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Ο χρήστης ξεκινάει την συζήτηση χωρίς να διευκρινίζει τι ραντεβού θέλει και με ποιον γιατρό.</a:t>
            </a:r>
          </a:p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συνεχίζει την συζήτηση και ικανοποιεί τις ανάγκες του χρήστη</a:t>
            </a:r>
          </a:p>
          <a:p>
            <a:endParaRPr lang="en-US" sz="1400" b="1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B16C00CB-89E0-E15E-A1FB-0F8696D1B76B}"/>
              </a:ext>
            </a:extLst>
          </p:cNvPr>
          <p:cNvSpPr txBox="1"/>
          <p:nvPr/>
        </p:nvSpPr>
        <p:spPr>
          <a:xfrm>
            <a:off x="7031695" y="3695206"/>
            <a:ext cx="2103374" cy="158504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Optimize relevance, follow up intents:</a:t>
            </a:r>
          </a:p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(Pg.3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3, 45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)</a:t>
            </a:r>
          </a:p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chatbot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εν δίνει παραπάνω πληροφορίες από όσες χρειάζεται ο χρήστης ανάλογα με το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input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υ, βήμα- βήμα εξελίσσεται η συζήτηση 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BA71D75F-22F2-9FC0-252B-4F9A75C1E31E}"/>
              </a:ext>
            </a:extLst>
          </p:cNvPr>
          <p:cNvSpPr txBox="1"/>
          <p:nvPr/>
        </p:nvSpPr>
        <p:spPr>
          <a:xfrm>
            <a:off x="767758" y="2765783"/>
            <a:ext cx="4484619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Move the conversation forward: (Pg.3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)</a:t>
            </a:r>
            <a:endParaRPr lang="el-GR" sz="1400" b="1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αρόλο που ο χρήστης ρωτάει κάτι μη σχετικό, το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ροσπαθεί να κρατήσει το ενδιαφέρον του υπενθυμίζοντάς του τον βασικό σκοπό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338E5F04-686D-73C2-F385-78ED4FAD067A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8698"/>
          <a:stretch/>
        </p:blipFill>
        <p:spPr>
          <a:xfrm>
            <a:off x="1199009" y="1450457"/>
            <a:ext cx="2330816" cy="1236546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8350BA2A-AD41-42CE-91D6-AAF137B7CC1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353130" y="3762360"/>
            <a:ext cx="1701887" cy="1016052"/>
          </a:xfrm>
          <a:prstGeom prst="rect">
            <a:avLst/>
          </a:prstGeom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4D3C2A5F-1ABC-762A-B8D5-E723E88F273E}"/>
              </a:ext>
            </a:extLst>
          </p:cNvPr>
          <p:cNvSpPr txBox="1"/>
          <p:nvPr/>
        </p:nvSpPr>
        <p:spPr>
          <a:xfrm>
            <a:off x="3727124" y="4771148"/>
            <a:ext cx="3510710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Listen between Lines: (Pg.37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)</a:t>
            </a:r>
            <a:endParaRPr lang="el-GR" sz="1400" b="1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ροτροπή στον χρήστη να συμβουλευτεί το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στον κανονισμό ιατρικού ραντεβού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</a:t>
            </a:r>
          </a:p>
        </p:txBody>
      </p:sp>
      <p:pic>
        <p:nvPicPr>
          <p:cNvPr id="27" name="Picture 26">
            <a:extLst>
              <a:ext uri="{FF2B5EF4-FFF2-40B4-BE49-F238E27FC236}">
                <a16:creationId xmlns:a16="http://schemas.microsoft.com/office/drawing/2014/main" id="{F72D96B0-D0B2-6902-EAB2-E122AAB08A2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973744" y="436046"/>
            <a:ext cx="2219275" cy="23666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07662654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0" name="Rectangle 19">
            <a:extLst>
              <a:ext uri="{FF2B5EF4-FFF2-40B4-BE49-F238E27FC236}">
                <a16:creationId xmlns:a16="http://schemas.microsoft.com/office/drawing/2014/main" id="{9F4444CE-BC8D-4D61-B303-4C05614E62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B59EF98-6E38-3D40-30A8-CBD84B50C3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4185" y="467604"/>
            <a:ext cx="10197494" cy="593456"/>
          </a:xfrm>
        </p:spPr>
        <p:txBody>
          <a:bodyPr>
            <a:normAutofit fontScale="90000"/>
          </a:bodyPr>
          <a:lstStyle/>
          <a:p>
            <a:pPr>
              <a:lnSpc>
                <a:spcPct val="90000"/>
              </a:lnSpc>
            </a:pPr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4a. Conscientiousness</a:t>
            </a:r>
            <a:br>
              <a:rPr lang="en-US" b="0" i="0" u="none" strike="noStrike" baseline="0" dirty="0">
                <a:latin typeface="Times New Roman" panose="02020603050405020304" pitchFamily="18" charset="0"/>
                <a:cs typeface="Times New Roman" panose="02020603050405020304" pitchFamily="18" charset="0"/>
              </a:rPr>
            </a:b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22" name="Isosceles Triangle 21">
            <a:extLst>
              <a:ext uri="{FF2B5EF4-FFF2-40B4-BE49-F238E27FC236}">
                <a16:creationId xmlns:a16="http://schemas.microsoft.com/office/drawing/2014/main" id="{73772B81-181F-48B7-8826-4D9686D15DF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>
            <a:off x="0" y="0"/>
            <a:ext cx="842596" cy="5666154"/>
          </a:xfrm>
          <a:prstGeom prst="triangle">
            <a:avLst>
              <a:gd name="adj" fmla="val 100000"/>
            </a:avLst>
          </a:prstGeom>
          <a:solidFill>
            <a:schemeClr val="accent1">
              <a:alpha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4" name="Isosceles Triangle 23">
            <a:extLst>
              <a:ext uri="{FF2B5EF4-FFF2-40B4-BE49-F238E27FC236}">
                <a16:creationId xmlns:a16="http://schemas.microsoft.com/office/drawing/2014/main" id="{B2205F6E-03C6-4E92-877C-E2482F6599A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1743267" y="4013200"/>
            <a:ext cx="448733" cy="2844800"/>
          </a:xfrm>
          <a:prstGeom prst="triangle">
            <a:avLst>
              <a:gd name="adj" fmla="val 0"/>
            </a:avLst>
          </a:prstGeom>
          <a:solidFill>
            <a:schemeClr val="accent1">
              <a:alpha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50DF225-C28C-97A7-5C78-54006B39A2E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32149" y="1187441"/>
            <a:ext cx="4205816" cy="1274317"/>
          </a:xfrm>
          <a:prstGeom prst="rect">
            <a:avLst/>
          </a:prstGeom>
        </p:spPr>
      </p:pic>
      <p:pic>
        <p:nvPicPr>
          <p:cNvPr id="11" name="Content Placeholder 10">
            <a:extLst>
              <a:ext uri="{FF2B5EF4-FFF2-40B4-BE49-F238E27FC236}">
                <a16:creationId xmlns:a16="http://schemas.microsoft.com/office/drawing/2014/main" id="{5946A804-6AC6-31B3-52D2-767EC05F542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480873" y="4544150"/>
            <a:ext cx="3348653" cy="89145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BB179FB0-642D-B8B9-B4B9-3BB24248BD5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23273" y="3279587"/>
            <a:ext cx="3897238" cy="788591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1EBB343-C233-B080-BC8E-2546E2CA4B1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23273" y="4200276"/>
            <a:ext cx="4611540" cy="685731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2F3DA398-FEAD-7246-07E9-EF613568DDB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032149" y="2620074"/>
            <a:ext cx="3360082" cy="582871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FE1A20DD-D620-7D02-FE54-66A8261861B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569913" y="1644894"/>
            <a:ext cx="6566285" cy="891449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2A73C20A-6CA5-FD7E-93F4-032C639BCDA2}"/>
              </a:ext>
            </a:extLst>
          </p:cNvPr>
          <p:cNvSpPr txBox="1"/>
          <p:nvPr/>
        </p:nvSpPr>
        <p:spPr>
          <a:xfrm>
            <a:off x="1511230" y="5048847"/>
            <a:ext cx="4714435" cy="107721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Keep the conversation on track</a:t>
            </a:r>
          </a:p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Hold continuous conversation</a:t>
            </a:r>
          </a:p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Conversation Flow, visual elements, confirmation messages</a:t>
            </a:r>
          </a:p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κατανοεί την επιθυμία του χρήστη και παρέχει μια συνεχή συνομιλία με τον προγραμματισμό ενός ραντεβού με τον γιατρό και επιβεβαιώνει το ραντεβού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DDB7935-C8B3-8D99-D76B-EC7840A1A350}"/>
              </a:ext>
            </a:extLst>
          </p:cNvPr>
          <p:cNvSpPr txBox="1"/>
          <p:nvPr/>
        </p:nvSpPr>
        <p:spPr>
          <a:xfrm>
            <a:off x="7635594" y="5567922"/>
            <a:ext cx="343904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b. Demonstrate understanding</a:t>
            </a:r>
          </a:p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Σε περίπτωση επιπλέον πληροφοριών από την πλευρά του χρήστη, 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παρέχει επιπλέον πόντους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19B252B3-E257-64A7-2BD4-25568496AAFF}"/>
              </a:ext>
            </a:extLst>
          </p:cNvPr>
          <p:cNvSpPr txBox="1"/>
          <p:nvPr/>
        </p:nvSpPr>
        <p:spPr>
          <a:xfrm>
            <a:off x="1255207" y="5048847"/>
            <a:ext cx="842598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a.</a:t>
            </a:r>
            <a:endParaRPr lang="en-US" b="1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097EB51F-9D3C-2C9A-08D2-851D4304BF6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495254" y="2789114"/>
            <a:ext cx="5170648" cy="7386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0063425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738F0E6-69D3-C8F3-B05D-3EC7D5D2058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7216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4a. Conscientiousness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2DF9BE06-4EF2-77ED-F3D4-683EAFF96D1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44219" y="2272629"/>
            <a:ext cx="4269360" cy="130939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881B46E7-C2F3-9337-7A54-3590AFB7F3D5}"/>
              </a:ext>
            </a:extLst>
          </p:cNvPr>
          <p:cNvSpPr txBox="1"/>
          <p:nvPr/>
        </p:nvSpPr>
        <p:spPr>
          <a:xfrm>
            <a:off x="1211580" y="1574457"/>
            <a:ext cx="6101080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c. Keep the conversation on track</a:t>
            </a:r>
          </a:p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     Conversation Flow</a:t>
            </a:r>
            <a:endParaRPr lang="en-US" sz="1400" b="1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A90B979-F36C-9525-917C-D5DAFE7F567A}"/>
              </a:ext>
            </a:extLst>
          </p:cNvPr>
          <p:cNvSpPr txBox="1"/>
          <p:nvPr/>
        </p:nvSpPr>
        <p:spPr>
          <a:xfrm>
            <a:off x="1010776" y="3958828"/>
            <a:ext cx="7929784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θυμάται τη συνομιλία και συνεχίζει να ενημερώνεται για να υπενθυμίζει στον χρήστη το ραντεβού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524827485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F21DE5-D278-6DE8-0C1D-C0BDC34B9E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4154" y="254162"/>
            <a:ext cx="8596668" cy="739886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4b. Conscientiousness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49F748DC-6F76-9A52-786E-097A9FF62FE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060949" y="1023198"/>
            <a:ext cx="2571882" cy="1930499"/>
          </a:xfr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B4A2E6AC-5037-4627-499F-1A7466D57BA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32831" y="4641225"/>
            <a:ext cx="1879359" cy="1727725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E02EC5CC-376A-3120-13E9-9083C2D09E0C}"/>
              </a:ext>
            </a:extLst>
          </p:cNvPr>
          <p:cNvSpPr txBox="1"/>
          <p:nvPr/>
        </p:nvSpPr>
        <p:spPr>
          <a:xfrm>
            <a:off x="817192" y="1184391"/>
            <a:ext cx="79586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a.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48C5DE9-330A-C00A-03A4-426474666675}"/>
              </a:ext>
            </a:extLst>
          </p:cNvPr>
          <p:cNvSpPr txBox="1"/>
          <p:nvPr/>
        </p:nvSpPr>
        <p:spPr>
          <a:xfrm>
            <a:off x="5114257" y="1152671"/>
            <a:ext cx="79586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b.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1A3BBBF9-81BA-4C94-3140-23A18608F0B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448710" y="1045075"/>
            <a:ext cx="1587582" cy="2686188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5C00038B-FDF1-3A04-4A59-19143AAE6B35}"/>
              </a:ext>
            </a:extLst>
          </p:cNvPr>
          <p:cNvSpPr txBox="1"/>
          <p:nvPr/>
        </p:nvSpPr>
        <p:spPr>
          <a:xfrm>
            <a:off x="303822" y="2880236"/>
            <a:ext cx="5209592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Don’t monopolize: ( Pg.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49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) </a:t>
            </a:r>
          </a:p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Ο χρήστης ενημερώνει τι θέλει από το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chatbot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και εκείνο ανταποκρίνεται άμεσα χωρίς επιπλέον ερωτήσεις  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3F2A54EC-8685-D6F8-C1CB-3C67FEAEBEB6}"/>
              </a:ext>
            </a:extLst>
          </p:cNvPr>
          <p:cNvSpPr txBox="1"/>
          <p:nvPr/>
        </p:nvSpPr>
        <p:spPr>
          <a:xfrm>
            <a:off x="268514" y="4234364"/>
            <a:ext cx="3531134" cy="129266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Optimize Relevance</a:t>
            </a:r>
          </a:p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Pronouns references</a:t>
            </a:r>
          </a:p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Follow up intents: (Pg.3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3, 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43,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45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)</a:t>
            </a:r>
          </a:p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«ακολουθεί» την ροή της συζήτησης, δεν δίνει περισσότερες πληροφορίες μπερδεύοντας τον χρήστη 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endParaRPr lang="en-US" sz="14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E806EFA-327A-1CAB-291B-C5A5F7CD8840}"/>
              </a:ext>
            </a:extLst>
          </p:cNvPr>
          <p:cNvSpPr txBox="1"/>
          <p:nvPr/>
        </p:nvSpPr>
        <p:spPr>
          <a:xfrm>
            <a:off x="6759868" y="2510904"/>
            <a:ext cx="3190062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Ask questions :((Pg.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47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)</a:t>
            </a:r>
          </a:p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Ανάλογα με τις επιθυμίες του χρήστη, το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κάνει τις απαραίτητες ερωτήσεις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3D7EA535-C663-9FC4-3A05-048E1373762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79209" y="3959933"/>
            <a:ext cx="1587582" cy="806491"/>
          </a:xfrm>
          <a:prstGeom prst="rect">
            <a:avLst/>
          </a:prstGeom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659EF1C0-3D66-9808-C7A3-32F3F012C54B}"/>
              </a:ext>
            </a:extLst>
          </p:cNvPr>
          <p:cNvSpPr txBox="1"/>
          <p:nvPr/>
        </p:nvSpPr>
        <p:spPr>
          <a:xfrm>
            <a:off x="5679007" y="4771065"/>
            <a:ext cx="3932509" cy="8156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Get the dialog back on track: (Pg.29 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)</a:t>
            </a:r>
          </a:p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Σε περίπτωση που το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δεν μπορεί να απαντήσει άμεσα ξαναρωτάει το χρήστη με τέτοιο τρόπο ώστε να μην το εκλάβει ως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error</a:t>
            </a:r>
          </a:p>
        </p:txBody>
      </p:sp>
      <p:pic>
        <p:nvPicPr>
          <p:cNvPr id="24" name="Picture 23">
            <a:extLst>
              <a:ext uri="{FF2B5EF4-FFF2-40B4-BE49-F238E27FC236}">
                <a16:creationId xmlns:a16="http://schemas.microsoft.com/office/drawing/2014/main" id="{9DFF0282-2D06-0D73-F9D4-C72FC7E1C53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694811" y="3643685"/>
            <a:ext cx="1922216" cy="20498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13106445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6116E4-9A87-1B8E-CDD7-0B933A70737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2694" y="250132"/>
            <a:ext cx="8596668" cy="70104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4b. Conscientiousness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53E987D-2867-0390-3A70-D29220755F8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3728" y="1129998"/>
            <a:ext cx="1840271" cy="3069571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839F2269-CAC7-E4DD-8211-72CE3A9B1B5E}"/>
              </a:ext>
            </a:extLst>
          </p:cNvPr>
          <p:cNvSpPr txBox="1"/>
          <p:nvPr/>
        </p:nvSpPr>
        <p:spPr>
          <a:xfrm>
            <a:off x="645541" y="1231026"/>
            <a:ext cx="79586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c.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E47C09F-71DB-2319-17AD-7728D41F0E74}"/>
              </a:ext>
            </a:extLst>
          </p:cNvPr>
          <p:cNvSpPr txBox="1"/>
          <p:nvPr/>
        </p:nvSpPr>
        <p:spPr>
          <a:xfrm>
            <a:off x="461596" y="4358829"/>
            <a:ext cx="3507515" cy="81560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Pronouns references: (Pg. 43)</a:t>
            </a:r>
          </a:p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μπορεί να παρακολουθεί την προηγούμενη συνομιλία επειδή θυμάται την ημερομηνία και την ώρα του ραντεβού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46725A44-27DF-60E6-11C7-7D4EBB620CBD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5927"/>
          <a:stretch/>
        </p:blipFill>
        <p:spPr>
          <a:xfrm>
            <a:off x="5175260" y="600652"/>
            <a:ext cx="2616334" cy="1583104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819AAFAF-5072-8D78-6264-631CE1CE11C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63751" y="4278114"/>
            <a:ext cx="2482978" cy="2197213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5F8994CD-8802-DDFA-ED82-D83038D04FAF}"/>
              </a:ext>
            </a:extLst>
          </p:cNvPr>
          <p:cNvSpPr txBox="1"/>
          <p:nvPr/>
        </p:nvSpPr>
        <p:spPr>
          <a:xfrm>
            <a:off x="5272418" y="2183756"/>
            <a:ext cx="4511662" cy="129266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Move the conversation forward</a:t>
            </a:r>
          </a:p>
          <a:p>
            <a:pPr algn="just"/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Optimize relevance: (Pg.3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, 33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)</a:t>
            </a:r>
          </a:p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chatbot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εν δίνει παραπάνω πληροφορίες από όσες χρειάζεται ο χρήστης ανάλογα με το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input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υ, βήμα- βήμα εξελίσσεται η συζήτηση 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endParaRPr lang="el-GR" sz="1400" b="1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endParaRPr lang="en-US" sz="14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89DF00F-D9DD-F0AC-4297-2D5C3FDD906B}"/>
              </a:ext>
            </a:extLst>
          </p:cNvPr>
          <p:cNvSpPr txBox="1"/>
          <p:nvPr/>
        </p:nvSpPr>
        <p:spPr>
          <a:xfrm>
            <a:off x="6614649" y="4278114"/>
            <a:ext cx="326644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Pronouns references: (Pg. 43)</a:t>
            </a:r>
          </a:p>
          <a:p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ροσαρμόζεται στις απαιτήσεις και επιθυμίες του χρήστη  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24681669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BDD611-6593-0F7E-F965-7A481ABB95E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61184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5a. Communicability</a:t>
            </a:r>
          </a:p>
        </p:txBody>
      </p:sp>
      <p:pic>
        <p:nvPicPr>
          <p:cNvPr id="9" name="Content Placeholder 8">
            <a:extLst>
              <a:ext uri="{FF2B5EF4-FFF2-40B4-BE49-F238E27FC236}">
                <a16:creationId xmlns:a16="http://schemas.microsoft.com/office/drawing/2014/main" id="{6B9D0EE6-8F1B-D7A0-D039-B0CAE89B59B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841898" y="1930399"/>
            <a:ext cx="5169166" cy="1638384"/>
          </a:xfr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00B2DD47-5EEC-464C-F36D-BF76AFA7C75B}"/>
              </a:ext>
            </a:extLst>
          </p:cNvPr>
          <p:cNvSpPr txBox="1"/>
          <p:nvPr/>
        </p:nvSpPr>
        <p:spPr>
          <a:xfrm>
            <a:off x="6180938" y="1930399"/>
            <a:ext cx="3448858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/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a. Unveil functionalities</a:t>
            </a:r>
          </a:p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ιευκρινίζεται ο σκοπός του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, διαφημίζετε η λειτουργικότητα και προτείνετε το επόμενο βήμα</a:t>
            </a:r>
            <a:r>
              <a:rPr lang="en-US" sz="11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	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D6365C1-2FB6-CF2C-DECD-65431011BA34}"/>
              </a:ext>
            </a:extLst>
          </p:cNvPr>
          <p:cNvSpPr txBox="1"/>
          <p:nvPr/>
        </p:nvSpPr>
        <p:spPr>
          <a:xfrm>
            <a:off x="5668241" y="4678147"/>
            <a:ext cx="297434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/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b. Manage user expectations</a:t>
            </a:r>
          </a:p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Για οποιοδήποτε πρόβλημα προσπαθεί να ικανοποιήσει και επαναφέρει το χρήστη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191DF258-E799-0F05-5B33-A0CA5ED3E1A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41898" y="4187676"/>
            <a:ext cx="4031841" cy="17196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1219999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FD09BB-979D-014B-0C91-A116CABBF6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2854" y="294640"/>
            <a:ext cx="8596668" cy="629920"/>
          </a:xfrm>
        </p:spPr>
        <p:txBody>
          <a:bodyPr>
            <a:noAutofit/>
          </a:bodyPr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Cases of Chatbot</a:t>
            </a:r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 – </a:t>
            </a:r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Request a doct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BB91BAB-2B24-5B47-8B7D-264D7571777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92854" y="1412241"/>
            <a:ext cx="8881148" cy="4629122"/>
          </a:xfrm>
        </p:spPr>
        <p:txBody>
          <a:bodyPr>
            <a:normAutofit/>
          </a:bodyPr>
          <a:lstStyle/>
          <a:p>
            <a:pPr algn="just"/>
            <a:r>
              <a:rPr lang="en-US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O </a:t>
            </a:r>
            <a:r>
              <a:rPr lang="el-GR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χρήστης αρχικά ξεκινάει την συνομιλία με χαιρετισμό, αναφέρει το όνομά του και στην συνέχεια, θέτει το ερώτημα του, δηλαδή ότι θέλει να κλείσει ραντεβού με συγκεκριμένη ειδικότητα γιατρού. </a:t>
            </a:r>
          </a:p>
          <a:p>
            <a:pPr algn="just"/>
            <a:r>
              <a:rPr lang="el-GR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n-US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σχεδιάστηκε έτσι ώστε να μπορεί να ανταποκριθεί σε πιθανές απαιτήσεις του χρήστη. Για παράδειγμα είτε ο χρήστης αναφέρει την ειδικότητα γιατρού είτε όχι το </a:t>
            </a:r>
            <a:r>
              <a:rPr lang="en-US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θα ανταποκριθεί στο αίτημα αυτό. Επίσης, ο χρήστης μπορεί απλώς να αναφέρει συμπτώματα που έχει και το </a:t>
            </a:r>
            <a:r>
              <a:rPr lang="en-US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άλι είναι σε θέση να τον εξυπηρετήσει.</a:t>
            </a:r>
            <a:endParaRPr lang="en-US" sz="14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A9E01BC5-C981-4563-2FBC-981BBD12205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92854" y="2969166"/>
            <a:ext cx="5328997" cy="3229010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5C7D4170-FC3A-2883-983A-84154B346C3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853403" y="3834332"/>
            <a:ext cx="5740695" cy="7493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9814146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F735D6-EF8E-981C-59D7-03BB8ADC0A89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640080" y="518160"/>
            <a:ext cx="8596313" cy="76200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5b. Communicability</a:t>
            </a:r>
          </a:p>
        </p:txBody>
      </p:sp>
      <p:pic>
        <p:nvPicPr>
          <p:cNvPr id="4" name="Content Placeholder 4">
            <a:extLst>
              <a:ext uri="{FF2B5EF4-FFF2-40B4-BE49-F238E27FC236}">
                <a16:creationId xmlns:a16="http://schemas.microsoft.com/office/drawing/2014/main" id="{16AF788A-F64A-655A-7128-939ABF5743BE}"/>
              </a:ext>
            </a:extLst>
          </p:cNvPr>
          <p:cNvPicPr>
            <a:picLocks noGrp="1" noChangeAspect="1"/>
          </p:cNvPicPr>
          <p:nvPr>
            <p:ph idx="4294967295"/>
          </p:nvPr>
        </p:nvPicPr>
        <p:blipFill>
          <a:blip r:embed="rId2"/>
          <a:stretch>
            <a:fillRect/>
          </a:stretch>
        </p:blipFill>
        <p:spPr>
          <a:xfrm>
            <a:off x="1303020" y="2025650"/>
            <a:ext cx="2616200" cy="2349500"/>
          </a:xfr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A72872CC-9EE7-10E3-ADC4-BFC21CAF326D}"/>
              </a:ext>
            </a:extLst>
          </p:cNvPr>
          <p:cNvSpPr txBox="1"/>
          <p:nvPr/>
        </p:nvSpPr>
        <p:spPr>
          <a:xfrm>
            <a:off x="969547" y="1686560"/>
            <a:ext cx="79586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a.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8C90911-31CE-F3AB-D288-61B16E1E05CE}"/>
              </a:ext>
            </a:extLst>
          </p:cNvPr>
          <p:cNvSpPr txBox="1"/>
          <p:nvPr/>
        </p:nvSpPr>
        <p:spPr>
          <a:xfrm>
            <a:off x="5368827" y="1699697"/>
            <a:ext cx="79586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b.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A3C05405-9AAC-16E8-DFA8-91787322170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66760" y="1853585"/>
            <a:ext cx="2552871" cy="1236546"/>
          </a:xfrm>
          <a:prstGeom prst="rect">
            <a:avLst/>
          </a:prstGeom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EAA9D88A-915F-459F-0B96-442BB0710406}"/>
              </a:ext>
            </a:extLst>
          </p:cNvPr>
          <p:cNvSpPr txBox="1"/>
          <p:nvPr/>
        </p:nvSpPr>
        <p:spPr>
          <a:xfrm>
            <a:off x="576244" y="4559339"/>
            <a:ext cx="4589832" cy="10310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/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Lines between lines</a:t>
            </a:r>
          </a:p>
          <a:p>
            <a:pPr algn="just"/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Ask questions: (Pg.37, 47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)</a:t>
            </a:r>
          </a:p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καταλαβαίνει την πρόθεση του χρήστη και προτείνει αμέσως σε τι μπορεί να βοηθήσει τον χρήστη, κάνοντας τις απαραίτητες ερωτήσεις για να ξεκινήσει ομαλά η συζήτηση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4E1D5BB3-A64F-3263-3DF0-60C68C109575}"/>
              </a:ext>
            </a:extLst>
          </p:cNvPr>
          <p:cNvSpPr txBox="1"/>
          <p:nvPr/>
        </p:nvSpPr>
        <p:spPr>
          <a:xfrm>
            <a:off x="5902960" y="4621317"/>
            <a:ext cx="3224840" cy="8156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/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Variation (Pg. 46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)</a:t>
            </a:r>
          </a:p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Όταν το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δέχεται πληροφορίες μη σχετικές απαντάει και επαναφέρει την συζήτηση με διάφορους τρόπους 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F4435525-D7F5-AA18-AEAD-086E0EA4ECA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23187" y="3244019"/>
            <a:ext cx="2296444" cy="12365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17159661"/>
      </p:ext>
    </p:extLst>
  </p:cSld>
  <p:clrMapOvr>
    <a:masterClrMapping/>
  </p:clrMapOvr>
  <p:transition>
    <p:fade/>
  </p:transition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D87E2C-B6F3-2649-6D5F-2B939FC885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43267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6a. Damage Control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5E2419AF-1D4E-2C86-02F3-EC25CD9E3573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43944" y="1967742"/>
            <a:ext cx="4646697" cy="538427"/>
          </a:xfr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414CA4C7-48DE-ECB7-86E6-EA6C247B161A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4134" t="23456"/>
          <a:stretch/>
        </p:blipFill>
        <p:spPr>
          <a:xfrm>
            <a:off x="603333" y="3375353"/>
            <a:ext cx="7332532" cy="492384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C5816C9-582A-FAE5-68CD-397927FAAE37}"/>
              </a:ext>
            </a:extLst>
          </p:cNvPr>
          <p:cNvSpPr txBox="1"/>
          <p:nvPr/>
        </p:nvSpPr>
        <p:spPr>
          <a:xfrm>
            <a:off x="5047734" y="1234203"/>
            <a:ext cx="4226268" cy="6924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just"/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a. Appropriately respond to harassment</a:t>
            </a:r>
          </a:p>
          <a:p>
            <a:pPr algn="just"/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Deal with lack of knowledge</a:t>
            </a:r>
            <a:endParaRPr lang="el-GR" sz="1400" b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Αγνοεί την ομιλία του χρήστη και αλλάζει το θέμα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21DE761-B19C-0E0F-89B1-22758C35893C}"/>
              </a:ext>
            </a:extLst>
          </p:cNvPr>
          <p:cNvSpPr txBox="1"/>
          <p:nvPr/>
        </p:nvSpPr>
        <p:spPr>
          <a:xfrm>
            <a:off x="8114250" y="3467656"/>
            <a:ext cx="1892748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just"/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b. Deal with testing 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9BF6528F-3391-6D95-C00E-D1DD03DA50C7}"/>
              </a:ext>
            </a:extLst>
          </p:cNvPr>
          <p:cNvSpPr txBox="1"/>
          <p:nvPr/>
        </p:nvSpPr>
        <p:spPr>
          <a:xfrm>
            <a:off x="5390641" y="4411818"/>
            <a:ext cx="3540453" cy="8156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/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c. Deal with lack of knowledge</a:t>
            </a:r>
          </a:p>
          <a:p>
            <a:pPr algn="just"/>
            <a:r>
              <a:rPr lang="el-GR" sz="1100" i="1" dirty="0">
                <a:solidFill>
                  <a:srgbClr val="000000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Όταν ο χρήστης ζητήσει να κλείσει ραντεβού με γιατρό και ύστερα προσθέσει κάτι το </a:t>
            </a:r>
            <a:r>
              <a:rPr lang="en-US" sz="1100" i="1" dirty="0">
                <a:solidFill>
                  <a:srgbClr val="000000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sz="1100" i="1" dirty="0">
                <a:solidFill>
                  <a:srgbClr val="000000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ανταποκρίνεται και στην επιπρόσθετη πληροφορία που πήρε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930856ED-90E3-5CB1-05FF-D6F08B7CF02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3333" y="5115792"/>
            <a:ext cx="4522852" cy="830144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97DFB409-CE26-68C3-84AA-D933777F122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3333" y="6000948"/>
            <a:ext cx="6498610" cy="706131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DF2C9772-CF86-79AF-430F-9D908CE2016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51061" y="4462745"/>
            <a:ext cx="4325996" cy="4715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0081121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B4E4F0C-E939-2F91-E1B3-8E5D363FA06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2854" y="182882"/>
            <a:ext cx="8596668" cy="662828"/>
          </a:xfrm>
        </p:spPr>
        <p:txBody>
          <a:bodyPr>
            <a:normAutofit/>
          </a:bodyPr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6b. Damage Control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1EF85803-CCFA-747C-DEEF-566FD12B4E8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190882" y="1303469"/>
            <a:ext cx="2692538" cy="1016052"/>
          </a:xfr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FA9EE243-6E31-723C-2D85-A5AF67BDDE04}"/>
              </a:ext>
            </a:extLst>
          </p:cNvPr>
          <p:cNvSpPr txBox="1"/>
          <p:nvPr/>
        </p:nvSpPr>
        <p:spPr>
          <a:xfrm>
            <a:off x="768774" y="1610204"/>
            <a:ext cx="79586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a.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CF29F71-812A-697E-6C93-6BC169484EF7}"/>
              </a:ext>
            </a:extLst>
          </p:cNvPr>
          <p:cNvSpPr txBox="1"/>
          <p:nvPr/>
        </p:nvSpPr>
        <p:spPr>
          <a:xfrm>
            <a:off x="6431543" y="424808"/>
            <a:ext cx="79586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b.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C9765BF-6661-5EAF-0438-D25CE147160E}"/>
              </a:ext>
            </a:extLst>
          </p:cNvPr>
          <p:cNvSpPr txBox="1"/>
          <p:nvPr/>
        </p:nvSpPr>
        <p:spPr>
          <a:xfrm>
            <a:off x="677334" y="3737113"/>
            <a:ext cx="79586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1c.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50A55C5E-234A-6C84-B7C3-B4A86B74470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17307" y="196048"/>
            <a:ext cx="2354261" cy="4058466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EF398970-F472-3037-C775-DC7F38E1DD0F}"/>
              </a:ext>
            </a:extLst>
          </p:cNvPr>
          <p:cNvSpPr txBox="1"/>
          <p:nvPr/>
        </p:nvSpPr>
        <p:spPr>
          <a:xfrm>
            <a:off x="3537814" y="3141525"/>
            <a:ext cx="3396861" cy="10310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/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Follow up intents: (Pg. 45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)</a:t>
            </a:r>
          </a:p>
          <a:p>
            <a:pPr algn="just"/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To chatbot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ροσαρμόζεται στις διαφορετικές εναλλαγές του θέματος κρατώντας πάντα τις προηγούμενες συζητήσεις 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endParaRPr lang="en-US" sz="1400" b="1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42E82FE-EFD9-C50F-6EB6-9B325BA53DC6}"/>
              </a:ext>
            </a:extLst>
          </p:cNvPr>
          <p:cNvSpPr txBox="1"/>
          <p:nvPr/>
        </p:nvSpPr>
        <p:spPr>
          <a:xfrm>
            <a:off x="3056439" y="5437340"/>
            <a:ext cx="4170970" cy="98488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Expect users to be informative Pg. 27 (03A – </a:t>
            </a:r>
            <a:r>
              <a:rPr lang="el-GR" sz="14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Π)</a:t>
            </a:r>
            <a:endParaRPr lang="en-US" sz="1400" b="1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Ο χρήστης πρόσθεσε ότι εκτός από τον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surgeon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ου χρειάζεται, ανέφερε και τον λόγο.</a:t>
            </a:r>
          </a:p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n-US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ήταν προετοιμασμένο για μια τέτοια κίνηση και έλαβε υπόψιν την επιπρόσθετη πληροφορία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5F6101CC-19F3-5353-E7FD-0F26CF9FA83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97082" y="3866176"/>
            <a:ext cx="1854968" cy="22216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9116451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CF93E37-21A3-55B0-C4F6-B189B22FD7E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60672" y="2768600"/>
            <a:ext cx="8596668" cy="1320800"/>
          </a:xfrm>
        </p:spPr>
        <p:txBody>
          <a:bodyPr>
            <a:normAutofit/>
          </a:bodyPr>
          <a:lstStyle/>
          <a:p>
            <a:pPr algn="ctr"/>
            <a:r>
              <a:rPr lang="el-GR" sz="48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Ευχαριστώ πολύ!</a:t>
            </a:r>
            <a:endParaRPr lang="en-US" sz="48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09569579"/>
      </p:ext>
    </p:extLst>
  </p:cSld>
  <p:clrMapOvr>
    <a:masterClrMapping/>
  </p:clrMapOvr>
  <p:transition>
    <p:fade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1CDE54-30CF-8466-5F2A-6E6AD8E3E4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5827" y="360680"/>
            <a:ext cx="8801946" cy="497840"/>
          </a:xfrm>
        </p:spPr>
        <p:txBody>
          <a:bodyPr anchor="t">
            <a:normAutofit fontScale="90000"/>
          </a:bodyPr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Cases of Chatbot</a:t>
            </a:r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 – </a:t>
            </a:r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Schedule an appointment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31FA951-858A-E813-C70B-6F68923812F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1254" y="1468981"/>
            <a:ext cx="3579706" cy="3235099"/>
          </a:xfrm>
        </p:spPr>
        <p:txBody>
          <a:bodyPr>
            <a:normAutofit/>
          </a:bodyPr>
          <a:lstStyle/>
          <a:p>
            <a:pPr algn="just"/>
            <a:r>
              <a:rPr lang="el-GR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n-US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ροτείνει γιατρούς ανάλογα με την ειδικότητα που ζήτησε ο χρήστης και ο χρήστης επιλέγει αυτό που θα ήθελε να επισκεφτεί. </a:t>
            </a:r>
          </a:p>
          <a:p>
            <a:pPr algn="just"/>
            <a:r>
              <a:rPr lang="el-GR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n-US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ρωτάει για πιθανή μέρα και ώρα, λαμβάνοντας υπόψιν πάλι τους διαφορετικούς τρόπους που μπορεί να απαντήσει ο χρήστης. Δηλαδή, να μην αναφέρει τον γιατρό που θέλει να επισκεφτεί, να μην αναφέρει ώρα ή μέρα ή να απαντήσει με έναν διαφορετικό τρόπο από τον συνηθισμένο. </a:t>
            </a:r>
            <a:endParaRPr lang="en-US" sz="14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19C5F4B-7B81-DA61-E15C-6E07F4B8152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02935" y="1047212"/>
            <a:ext cx="5061478" cy="51326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5534842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3E5E1E8-76BA-212E-0C21-4C959656DD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7416" y="375920"/>
            <a:ext cx="4356823" cy="1320800"/>
          </a:xfrm>
        </p:spPr>
        <p:txBody>
          <a:bodyPr anchor="ctr">
            <a:normAutofit/>
          </a:bodyPr>
          <a:lstStyle/>
          <a:p>
            <a:pPr>
              <a:lnSpc>
                <a:spcPct val="90000"/>
              </a:lnSpc>
            </a:pPr>
            <a:r>
              <a:rPr lang="en-US" sz="28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Cases of Chatbot</a:t>
            </a:r>
            <a:r>
              <a:rPr lang="el-GR" sz="28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 – </a:t>
            </a:r>
            <a:r>
              <a:rPr lang="en-US" sz="28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General, Failure, Thank you</a:t>
            </a:r>
            <a:endParaRPr lang="en-US" sz="280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AC6BE44-BA7E-36D0-4253-EAB3D59AA92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1487" y="2038669"/>
            <a:ext cx="3720916" cy="3560733"/>
          </a:xfrm>
        </p:spPr>
        <p:txBody>
          <a:bodyPr>
            <a:normAutofit/>
          </a:bodyPr>
          <a:lstStyle/>
          <a:p>
            <a:pPr algn="just"/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ο </a:t>
            </a:r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 καλύπτει και περιπτώσεις στις οποίες ο χρήστης θα ζητήσει κάποιες επιπλέον πληροφορίες, είτε θα ρωτήσει κάτι με το οποίο το </a:t>
            </a:r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 </a:t>
            </a:r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εν ασχολείται. </a:t>
            </a:r>
          </a:p>
          <a:p>
            <a:pPr algn="just"/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Τέλος, ευχαριστίες και αποχαιρετισμοί επίσης καλύπτονται από το </a:t>
            </a:r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chatbot.</a:t>
            </a:r>
            <a:endParaRPr lang="el-GR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/>
            <a:endParaRPr lang="en-US" dirty="0"/>
          </a:p>
        </p:txBody>
      </p:sp>
      <p:pic>
        <p:nvPicPr>
          <p:cNvPr id="5" name="Picture 4" descr="A screenshot of a computer program&#10;&#10;Description automatically generated">
            <a:extLst>
              <a:ext uri="{FF2B5EF4-FFF2-40B4-BE49-F238E27FC236}">
                <a16:creationId xmlns:a16="http://schemas.microsoft.com/office/drawing/2014/main" id="{362DCA51-55C8-1500-6EF9-638D38A68D2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14239" y="552429"/>
            <a:ext cx="3854602" cy="57531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936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8EB61A-4413-4C67-A102-F6008C031D54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280610" y="186712"/>
            <a:ext cx="8161338" cy="811213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a. That</a:t>
            </a:r>
          </a:p>
        </p:txBody>
      </p:sp>
      <p:pic>
        <p:nvPicPr>
          <p:cNvPr id="8" name="Picture 7" descr="A white background with blue and white objects&#10;&#10;Description automatically generated with medium confidence">
            <a:extLst>
              <a:ext uri="{FF2B5EF4-FFF2-40B4-BE49-F238E27FC236}">
                <a16:creationId xmlns:a16="http://schemas.microsoft.com/office/drawing/2014/main" id="{E27F2F22-2657-DFCC-B68F-F49A1BCA4012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66173" b="78683"/>
          <a:stretch/>
        </p:blipFill>
        <p:spPr>
          <a:xfrm>
            <a:off x="368125" y="1252523"/>
            <a:ext cx="4999678" cy="1279066"/>
          </a:xfrm>
          <a:prstGeom prst="rect">
            <a:avLst/>
          </a:prstGeom>
        </p:spPr>
      </p:pic>
      <p:pic>
        <p:nvPicPr>
          <p:cNvPr id="10" name="Picture 9" descr="A white background with black and white clouds&#10;&#10;Description automatically generated">
            <a:extLst>
              <a:ext uri="{FF2B5EF4-FFF2-40B4-BE49-F238E27FC236}">
                <a16:creationId xmlns:a16="http://schemas.microsoft.com/office/drawing/2014/main" id="{4C4A8F10-0410-C388-3C97-F3892C139691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72513" b="78683"/>
          <a:stretch/>
        </p:blipFill>
        <p:spPr>
          <a:xfrm>
            <a:off x="5367803" y="1379485"/>
            <a:ext cx="4062651" cy="1279066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3333757E-FFE1-59DA-DC1F-3B33F010810E}"/>
              </a:ext>
            </a:extLst>
          </p:cNvPr>
          <p:cNvSpPr txBox="1"/>
          <p:nvPr/>
        </p:nvSpPr>
        <p:spPr>
          <a:xfrm>
            <a:off x="1069439" y="5926988"/>
            <a:ext cx="5476240" cy="6001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Ο χρήστης ζητά να προγραμματιστεί ένα ραντεβού με οποιονδήποτε τύπο γιατρού και το </a:t>
            </a:r>
            <a:r>
              <a:rPr lang="el-GR" sz="11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hatbot</a:t>
            </a:r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ρωτά αν θέλει να προτείνει κάποιον γυναικολόγο. Μετά τη θετική απάντηση, επιλέγεται ημερομηνία και ώρα του ραντεβού. Η ίδια λογική υπάρχει σε άλλους τύπους γιατρών.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18" name="Picture 17" descr="A white background with black dots&#10;&#10;Description automatically generated">
            <a:extLst>
              <a:ext uri="{FF2B5EF4-FFF2-40B4-BE49-F238E27FC236}">
                <a16:creationId xmlns:a16="http://schemas.microsoft.com/office/drawing/2014/main" id="{2F3C4C1E-C2C0-02D3-0F33-495332BB5EA2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r="66575" b="51750"/>
          <a:stretch/>
        </p:blipFill>
        <p:spPr>
          <a:xfrm>
            <a:off x="661181" y="2794834"/>
            <a:ext cx="5455529" cy="31969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0720743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C6D99A1-D45A-60C4-475E-FCFBC9FBEF6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5024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1b. That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EEBE00FC-FD51-1E64-C028-7C762899DE1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t="6165"/>
          <a:stretch/>
        </p:blipFill>
        <p:spPr>
          <a:xfrm>
            <a:off x="1286934" y="1939259"/>
            <a:ext cx="2654436" cy="2204780"/>
          </a:xfr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096E2BC8-6A4B-7D9C-E889-6377744D472A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9522"/>
          <a:stretch/>
        </p:blipFill>
        <p:spPr>
          <a:xfrm>
            <a:off x="1642552" y="4399879"/>
            <a:ext cx="1943200" cy="1809884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2B778AA3-55F5-300E-FFA2-A7AE83866E53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8283" b="23375"/>
          <a:stretch/>
        </p:blipFill>
        <p:spPr>
          <a:xfrm>
            <a:off x="5552670" y="4821548"/>
            <a:ext cx="2654436" cy="1006867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48875BF4-1FEA-AA47-14DB-CC557BC6A21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596196" y="1877058"/>
            <a:ext cx="2654436" cy="28307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477216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5094D4-0809-55D3-2775-89014D19F4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6040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2a. Topic</a:t>
            </a:r>
          </a:p>
        </p:txBody>
      </p:sp>
      <p:pic>
        <p:nvPicPr>
          <p:cNvPr id="8" name="Content Placeholder 7" descr="A white background with black dots&#10;&#10;Description automatically generated">
            <a:extLst>
              <a:ext uri="{FF2B5EF4-FFF2-40B4-BE49-F238E27FC236}">
                <a16:creationId xmlns:a16="http://schemas.microsoft.com/office/drawing/2014/main" id="{5D550D36-C49F-2360-6C7E-AE1E1FCEBDC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r="75137" b="69265"/>
          <a:stretch/>
        </p:blipFill>
        <p:spPr>
          <a:xfrm>
            <a:off x="489285" y="2011742"/>
            <a:ext cx="4271571" cy="2143636"/>
          </a:xfrm>
        </p:spPr>
      </p:pic>
      <p:pic>
        <p:nvPicPr>
          <p:cNvPr id="11" name="Picture 10" descr="A white background with black dots&#10;&#10;Description automatically generated">
            <a:extLst>
              <a:ext uri="{FF2B5EF4-FFF2-40B4-BE49-F238E27FC236}">
                <a16:creationId xmlns:a16="http://schemas.microsoft.com/office/drawing/2014/main" id="{820415D4-3231-E978-1044-56F4A9716DE0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78345" b="63482"/>
          <a:stretch/>
        </p:blipFill>
        <p:spPr>
          <a:xfrm>
            <a:off x="5216547" y="1866122"/>
            <a:ext cx="3556669" cy="2434876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8DDCE016-A672-EC57-60CC-2908293951E2}"/>
              </a:ext>
            </a:extLst>
          </p:cNvPr>
          <p:cNvSpPr txBox="1"/>
          <p:nvPr/>
        </p:nvSpPr>
        <p:spPr>
          <a:xfrm>
            <a:off x="568960" y="4686310"/>
            <a:ext cx="7426960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just"/>
            <a:r>
              <a:rPr lang="el-GR" sz="11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Η ίδια λογική και με Γυναικολόγο, Χειρουργό, Παιδίατρο, Καρδιολόγο</a:t>
            </a:r>
            <a:endParaRPr lang="en-US" sz="11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27107646"/>
      </p:ext>
    </p:extLst>
  </p:cSld>
  <p:clrMapOvr>
    <a:masterClrMapping/>
  </p:clrMapOvr>
</p:sld>
</file>

<file path=ppt/theme/theme1.xml><?xml version="1.0" encoding="utf-8"?>
<a:theme xmlns:a="http://schemas.openxmlformats.org/drawingml/2006/main" name="Facet">
  <a:themeElements>
    <a:clrScheme name="Facet">
      <a:dk1>
        <a:sysClr val="windowText" lastClr="000000"/>
      </a:dk1>
      <a:lt1>
        <a:sysClr val="window" lastClr="FFFFFF"/>
      </a:lt1>
      <a:dk2>
        <a:srgbClr val="2C3C43"/>
      </a:dk2>
      <a:lt2>
        <a:srgbClr val="EBEBEB"/>
      </a:lt2>
      <a:accent1>
        <a:srgbClr val="90C226"/>
      </a:accent1>
      <a:accent2>
        <a:srgbClr val="54A021"/>
      </a:accent2>
      <a:accent3>
        <a:srgbClr val="E6B91E"/>
      </a:accent3>
      <a:accent4>
        <a:srgbClr val="E76618"/>
      </a:accent4>
      <a:accent5>
        <a:srgbClr val="C42F1A"/>
      </a:accent5>
      <a:accent6>
        <a:srgbClr val="918655"/>
      </a:accent6>
      <a:hlink>
        <a:srgbClr val="99CA3C"/>
      </a:hlink>
      <a:folHlink>
        <a:srgbClr val="B9D181"/>
      </a:folHlink>
    </a:clrScheme>
    <a:fontScheme name="Facet">
      <a:majorFont>
        <a:latin typeface="Trebuchet MS" panose="020B0603020202020204"/>
        <a:ea typeface=""/>
        <a:cs typeface=""/>
        <a:font script="Jpan" typeface="メイリオ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 panose="020B0603020202020204"/>
        <a:ea typeface=""/>
        <a:cs typeface=""/>
        <a:font script="Jpan" typeface="メイリオ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Facet">
      <a:fillStyleLst>
        <a:solidFill>
          <a:schemeClr val="phClr"/>
        </a:solidFill>
        <a:gradFill rotWithShape="1">
          <a:gsLst>
            <a:gs pos="0">
              <a:schemeClr val="phClr">
                <a:tint val="65000"/>
                <a:lumMod val="110000"/>
              </a:schemeClr>
            </a:gs>
            <a:gs pos="88000">
              <a:schemeClr val="phClr">
                <a:tint val="9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0000"/>
              </a:schemeClr>
            </a:gs>
            <a:gs pos="78000">
              <a:schemeClr val="phClr">
                <a:shade val="94000"/>
                <a:lumMod val="94000"/>
              </a:schemeClr>
            </a:gs>
          </a:gsLst>
          <a:lin ang="5400000" scaled="0"/>
        </a:gradFill>
      </a:fillStyleLst>
      <a:lnStyleLst>
        <a:ln w="12700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5400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50800" dist="381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04000"/>
              </a:schemeClr>
            </a:gs>
            <a:gs pos="94000">
              <a:schemeClr val="phClr">
                <a:shade val="96000"/>
                <a:lumMod val="82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94000"/>
                <a:lumMod val="96000"/>
              </a:schemeClr>
            </a:gs>
          </a:gsLst>
          <a:path path="circle">
            <a:fillToRect l="50000" t="50000" r="100000" b="10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Facet" id="{C0C680CD-088A-49FC-A102-D699147F32B2}" vid="{CFBC31BA-B70F-4F30-BCAA-4F3011E16C4D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Deloitte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773962701429488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3EBCD3C2-26E1-4749-B37E-3B38E6A7E58A}">
  <ds:schemaRefs/>
</ds:datastoreItem>
</file>

<file path=customXml/itemProps2.xml><?xml version="1.0" encoding="utf-8"?>
<ds:datastoreItem xmlns:ds="http://schemas.openxmlformats.org/officeDocument/2006/customXml" ds:itemID="{1BA1A0FF-B638-4C21-97C7-AC74F44DF38E}">
  <ds:schemaRefs/>
</ds:datastoreItem>
</file>

<file path=customXml/itemProps3.xml><?xml version="1.0" encoding="utf-8"?>
<ds:datastoreItem xmlns:ds="http://schemas.openxmlformats.org/officeDocument/2006/customXml" ds:itemID="{041CC4D7-B5D2-4A65-951E-E67410129EDA}">
  <ds:schemaRefs/>
</ds:datastoreItem>
</file>

<file path=customXml/itemProps4.xml><?xml version="1.0" encoding="utf-8"?>
<ds:datastoreItem xmlns:ds="http://schemas.openxmlformats.org/officeDocument/2006/customXml" ds:itemID="{00365AE9-1331-4065-99D0-010EA7FE0E8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acet</Template>
  <TotalTime>2227</TotalTime>
  <Words>1451</Words>
  <Application>Microsoft Office PowerPoint</Application>
  <PresentationFormat>Widescreen</PresentationFormat>
  <Paragraphs>162</Paragraphs>
  <Slides>4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3</vt:i4>
      </vt:variant>
    </vt:vector>
  </HeadingPairs>
  <TitlesOfParts>
    <vt:vector size="48" baseType="lpstr">
      <vt:lpstr>Arial</vt:lpstr>
      <vt:lpstr>Times New Roman</vt:lpstr>
      <vt:lpstr>Trebuchet MS</vt:lpstr>
      <vt:lpstr>Wingdings 3</vt:lpstr>
      <vt:lpstr>Facet</vt:lpstr>
      <vt:lpstr>Εργασία AIML</vt:lpstr>
      <vt:lpstr>A. AIML CODE</vt:lpstr>
      <vt:lpstr>Σκοπός του chatbot</vt:lpstr>
      <vt:lpstr>Cases of Chatbot – Request a doctor</vt:lpstr>
      <vt:lpstr>Cases of Chatbot – Schedule an appointment</vt:lpstr>
      <vt:lpstr>Cases of Chatbot – General, Failure, Thank you</vt:lpstr>
      <vt:lpstr>1a. That</vt:lpstr>
      <vt:lpstr>1b. That</vt:lpstr>
      <vt:lpstr>2a. Topic</vt:lpstr>
      <vt:lpstr>2b. Topic</vt:lpstr>
      <vt:lpstr>3a. Set</vt:lpstr>
      <vt:lpstr>3b. Set</vt:lpstr>
      <vt:lpstr>4a. Get</vt:lpstr>
      <vt:lpstr>4b. Get</vt:lpstr>
      <vt:lpstr>5a. Sets</vt:lpstr>
      <vt:lpstr>5a. Sets</vt:lpstr>
      <vt:lpstr>5b. Sets</vt:lpstr>
      <vt:lpstr>6a. Map</vt:lpstr>
      <vt:lpstr>6a. Map</vt:lpstr>
      <vt:lpstr>6b. Map</vt:lpstr>
      <vt:lpstr>7a. Properties</vt:lpstr>
      <vt:lpstr>7b. Properties</vt:lpstr>
      <vt:lpstr>8a. Substitutions</vt:lpstr>
      <vt:lpstr>8b. Substitutions</vt:lpstr>
      <vt:lpstr>9a. Button</vt:lpstr>
      <vt:lpstr>9b. Button</vt:lpstr>
      <vt:lpstr>10a. Link</vt:lpstr>
      <vt:lpstr>10b. Link</vt:lpstr>
      <vt:lpstr>11a. Reply</vt:lpstr>
      <vt:lpstr>11b. Reply</vt:lpstr>
      <vt:lpstr>B. CHATBOT BEHAVIOR</vt:lpstr>
      <vt:lpstr>13a. Proactive</vt:lpstr>
      <vt:lpstr>13a. Proactive</vt:lpstr>
      <vt:lpstr>13b. Proactive</vt:lpstr>
      <vt:lpstr>14a. Conscientiousness </vt:lpstr>
      <vt:lpstr>14a. Conscientiousness</vt:lpstr>
      <vt:lpstr>14b. Conscientiousness</vt:lpstr>
      <vt:lpstr>14b. Conscientiousness</vt:lpstr>
      <vt:lpstr>15a. Communicability</vt:lpstr>
      <vt:lpstr>15b. Communicability</vt:lpstr>
      <vt:lpstr>16a. Damage Control</vt:lpstr>
      <vt:lpstr>16b. Damage Control</vt:lpstr>
      <vt:lpstr>Ευχαριστώ πολύ!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Berlusconi, Antonella</dc:creator>
  <cp:lastModifiedBy>Kelepiri, Zoi</cp:lastModifiedBy>
  <cp:revision>2</cp:revision>
  <dcterms:created xsi:type="dcterms:W3CDTF">2023-11-29T10:27:37Z</dcterms:created>
  <dcterms:modified xsi:type="dcterms:W3CDTF">2024-04-10T08:27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11-25T17:14:35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deaa83c7-7f05-4ea9-baec-f31825758f48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imeStamp">
    <vt:lpwstr>2021-12-01T13:38:21</vt:lpwstr>
  </property>
  <property fmtid="{D5CDD505-2E9C-101B-9397-08002B2CF9AE}" pid="10" name="TemplafyTenantId">
    <vt:lpwstr>deloittecm</vt:lpwstr>
  </property>
  <property fmtid="{D5CDD505-2E9C-101B-9397-08002B2CF9AE}" pid="11" name="TemplafyTemplateId">
    <vt:lpwstr>637739627007274728</vt:lpwstr>
  </property>
  <property fmtid="{D5CDD505-2E9C-101B-9397-08002B2CF9AE}" pid="12" name="TemplafyUserProfileId">
    <vt:lpwstr>637831849898599897</vt:lpwstr>
  </property>
  <property fmtid="{D5CDD505-2E9C-101B-9397-08002B2CF9AE}" pid="13" name="TemplafyFromBlank">
    <vt:bool>true</vt:bool>
  </property>
</Properties>
</file>